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44"/>
  </p:notesMasterIdLst>
  <p:handoutMasterIdLst>
    <p:handoutMasterId r:id="rId45"/>
  </p:handoutMasterIdLst>
  <p:sldIdLst>
    <p:sldId id="271" r:id="rId2"/>
    <p:sldId id="5453" r:id="rId3"/>
    <p:sldId id="1432" r:id="rId4"/>
    <p:sldId id="5425" r:id="rId5"/>
    <p:sldId id="378" r:id="rId6"/>
    <p:sldId id="5455" r:id="rId7"/>
    <p:sldId id="5492" r:id="rId8"/>
    <p:sldId id="5491" r:id="rId9"/>
    <p:sldId id="5462" r:id="rId10"/>
    <p:sldId id="5464" r:id="rId11"/>
    <p:sldId id="5461" r:id="rId12"/>
    <p:sldId id="5465" r:id="rId13"/>
    <p:sldId id="361" r:id="rId14"/>
    <p:sldId id="421" r:id="rId15"/>
    <p:sldId id="381" r:id="rId16"/>
    <p:sldId id="5443" r:id="rId17"/>
    <p:sldId id="5435" r:id="rId18"/>
    <p:sldId id="5426" r:id="rId19"/>
    <p:sldId id="5432" r:id="rId20"/>
    <p:sldId id="5436" r:id="rId21"/>
    <p:sldId id="2034" r:id="rId22"/>
    <p:sldId id="5447" r:id="rId23"/>
    <p:sldId id="5450" r:id="rId24"/>
    <p:sldId id="5494" r:id="rId25"/>
    <p:sldId id="5493" r:id="rId26"/>
    <p:sldId id="5446" r:id="rId27"/>
    <p:sldId id="2038" r:id="rId28"/>
    <p:sldId id="5433" r:id="rId29"/>
    <p:sldId id="5439" r:id="rId30"/>
    <p:sldId id="2035" r:id="rId31"/>
    <p:sldId id="5441" r:id="rId32"/>
    <p:sldId id="5437" r:id="rId33"/>
    <p:sldId id="1167" r:id="rId34"/>
    <p:sldId id="5444" r:id="rId35"/>
    <p:sldId id="513" r:id="rId36"/>
    <p:sldId id="2019" r:id="rId37"/>
    <p:sldId id="2016" r:id="rId38"/>
    <p:sldId id="2037" r:id="rId39"/>
    <p:sldId id="5448" r:id="rId40"/>
    <p:sldId id="5449" r:id="rId41"/>
    <p:sldId id="5445" r:id="rId42"/>
    <p:sldId id="545" r:id="rId4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8552F969-0A44-4193-8101-0AFE78D7896C}">
          <p14:sldIdLst>
            <p14:sldId id="271"/>
            <p14:sldId id="5453"/>
            <p14:sldId id="1432"/>
            <p14:sldId id="5425"/>
            <p14:sldId id="378"/>
            <p14:sldId id="5455"/>
            <p14:sldId id="5492"/>
            <p14:sldId id="5491"/>
            <p14:sldId id="5462"/>
            <p14:sldId id="5464"/>
            <p14:sldId id="5461"/>
            <p14:sldId id="5465"/>
            <p14:sldId id="361"/>
            <p14:sldId id="421"/>
            <p14:sldId id="381"/>
            <p14:sldId id="5443"/>
            <p14:sldId id="5435"/>
            <p14:sldId id="5426"/>
            <p14:sldId id="5432"/>
            <p14:sldId id="5436"/>
            <p14:sldId id="2034"/>
            <p14:sldId id="5447"/>
            <p14:sldId id="5450"/>
            <p14:sldId id="5494"/>
            <p14:sldId id="5493"/>
            <p14:sldId id="5446"/>
            <p14:sldId id="2038"/>
            <p14:sldId id="5433"/>
            <p14:sldId id="5439"/>
            <p14:sldId id="2035"/>
            <p14:sldId id="5441"/>
            <p14:sldId id="5437"/>
            <p14:sldId id="1167"/>
            <p14:sldId id="5444"/>
            <p14:sldId id="513"/>
            <p14:sldId id="2019"/>
            <p14:sldId id="2016"/>
            <p14:sldId id="2037"/>
            <p14:sldId id="5448"/>
            <p14:sldId id="5449"/>
            <p14:sldId id="5445"/>
            <p14:sldId id="545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1CDBB32C-B9C0-B5D7-6D56-B522CE207608}" name="Alexander Gottberg" initials="AG" userId="S::gottberg@triumf.ca::78061ade-8422-47e0-b8e9-57f3b70c64a8" providerId="AD"/>
  <p188:author id="{E0CF2B8E-1A06-87CF-D9B8-E90579BB9DB0}" name="Luca Egoriti" initials="LE" userId="S::legoriti@triumf.ca::86980d32-e207-4caf-a8f6-6de1447eb40a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AAFF"/>
    <a:srgbClr val="FFC000"/>
    <a:srgbClr val="ED7D31"/>
    <a:srgbClr val="0096FF"/>
    <a:srgbClr val="000000"/>
    <a:srgbClr val="00A4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82EE5C6-F205-BD43-A182-D4046A488B4D}" v="797" dt="2026-06-23T13:35:59.93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098"/>
    <p:restoredTop sz="93707"/>
  </p:normalViewPr>
  <p:slideViewPr>
    <p:cSldViewPr snapToGrid="0">
      <p:cViewPr varScale="1">
        <p:scale>
          <a:sx n="94" d="100"/>
          <a:sy n="94" d="100"/>
        </p:scale>
        <p:origin x="224" y="6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viewProps" Target="viewProps.xml"/><Relationship Id="rId50" Type="http://schemas.microsoft.com/office/2016/11/relationships/changesInfo" Target="changesInfos/changesInfo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notesMaster" Target="notesMasters/notesMaster1.xml"/><Relationship Id="rId52" Type="http://schemas.microsoft.com/office/2018/10/relationships/authors" Target="author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theme" Target="theme/theme1.xml"/><Relationship Id="rId8" Type="http://schemas.openxmlformats.org/officeDocument/2006/relationships/slide" Target="slides/slide7.xml"/><Relationship Id="rId51" Type="http://schemas.microsoft.com/office/2015/10/relationships/revisionInfo" Target="revisionInfo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uca Egoriti" userId="86980d32-e207-4caf-a8f6-6de1447eb40a" providerId="ADAL" clId="{E2D1C6CA-B12F-5FDF-832A-691E0E915A24}"/>
    <pc:docChg chg="undo redo custSel addSld delSld modSld sldOrd modMainMaster modSection">
      <pc:chgData name="Luca Egoriti" userId="86980d32-e207-4caf-a8f6-6de1447eb40a" providerId="ADAL" clId="{E2D1C6CA-B12F-5FDF-832A-691E0E915A24}" dt="2026-06-23T13:35:59.935" v="2551"/>
      <pc:docMkLst>
        <pc:docMk/>
      </pc:docMkLst>
      <pc:sldChg chg="modSp mod">
        <pc:chgData name="Luca Egoriti" userId="86980d32-e207-4caf-a8f6-6de1447eb40a" providerId="ADAL" clId="{E2D1C6CA-B12F-5FDF-832A-691E0E915A24}" dt="2026-06-22T03:32:28.099" v="0" actId="20577"/>
        <pc:sldMkLst>
          <pc:docMk/>
          <pc:sldMk cId="1421897852" sldId="271"/>
        </pc:sldMkLst>
        <pc:spChg chg="mod">
          <ac:chgData name="Luca Egoriti" userId="86980d32-e207-4caf-a8f6-6de1447eb40a" providerId="ADAL" clId="{E2D1C6CA-B12F-5FDF-832A-691E0E915A24}" dt="2026-06-22T03:32:28.099" v="0" actId="20577"/>
          <ac:spMkLst>
            <pc:docMk/>
            <pc:sldMk cId="1421897852" sldId="271"/>
            <ac:spMk id="9" creationId="{84C12CC0-E8E2-449E-A8DD-499966723FA0}"/>
          </ac:spMkLst>
        </pc:spChg>
      </pc:sldChg>
      <pc:sldChg chg="add">
        <pc:chgData name="Luca Egoriti" userId="86980d32-e207-4caf-a8f6-6de1447eb40a" providerId="ADAL" clId="{E2D1C6CA-B12F-5FDF-832A-691E0E915A24}" dt="2026-06-22T04:06:27.353" v="267"/>
        <pc:sldMkLst>
          <pc:docMk/>
          <pc:sldMk cId="3514955864" sldId="361"/>
        </pc:sldMkLst>
      </pc:sldChg>
      <pc:sldChg chg="modSp add del mod">
        <pc:chgData name="Luca Egoriti" userId="86980d32-e207-4caf-a8f6-6de1447eb40a" providerId="ADAL" clId="{E2D1C6CA-B12F-5FDF-832A-691E0E915A24}" dt="2026-06-22T20:04:01.993" v="851" actId="2696"/>
        <pc:sldMkLst>
          <pc:docMk/>
          <pc:sldMk cId="1825677107" sldId="366"/>
        </pc:sldMkLst>
        <pc:spChg chg="mod">
          <ac:chgData name="Luca Egoriti" userId="86980d32-e207-4caf-a8f6-6de1447eb40a" providerId="ADAL" clId="{E2D1C6CA-B12F-5FDF-832A-691E0E915A24}" dt="2026-06-22T19:55:51.413" v="759" actId="14100"/>
          <ac:spMkLst>
            <pc:docMk/>
            <pc:sldMk cId="1825677107" sldId="366"/>
            <ac:spMk id="44" creationId="{EB87FA9B-6FDE-684A-ADE9-E025E160CA77}"/>
          </ac:spMkLst>
        </pc:spChg>
      </pc:sldChg>
      <pc:sldChg chg="addSp delSp modSp mod delAnim modAnim">
        <pc:chgData name="Luca Egoriti" userId="86980d32-e207-4caf-a8f6-6de1447eb40a" providerId="ADAL" clId="{E2D1C6CA-B12F-5FDF-832A-691E0E915A24}" dt="2026-06-23T13:31:13.015" v="2510" actId="167"/>
        <pc:sldMkLst>
          <pc:docMk/>
          <pc:sldMk cId="939397169" sldId="378"/>
        </pc:sldMkLst>
        <pc:spChg chg="add mod">
          <ac:chgData name="Luca Egoriti" userId="86980d32-e207-4caf-a8f6-6de1447eb40a" providerId="ADAL" clId="{E2D1C6CA-B12F-5FDF-832A-691E0E915A24}" dt="2026-06-23T13:30:40.575" v="2508" actId="166"/>
          <ac:spMkLst>
            <pc:docMk/>
            <pc:sldMk cId="939397169" sldId="378"/>
            <ac:spMk id="37" creationId="{549FD297-8F48-8801-9D33-6EC330A25B26}"/>
          </ac:spMkLst>
        </pc:spChg>
        <pc:spChg chg="mod">
          <ac:chgData name="Luca Egoriti" userId="86980d32-e207-4caf-a8f6-6de1447eb40a" providerId="ADAL" clId="{E2D1C6CA-B12F-5FDF-832A-691E0E915A24}" dt="2026-06-22T04:02:30.137" v="266" actId="20577"/>
          <ac:spMkLst>
            <pc:docMk/>
            <pc:sldMk cId="939397169" sldId="378"/>
            <ac:spMk id="44" creationId="{475451D7-EB0F-2AA2-54FE-0CC24B7FCBB4}"/>
          </ac:spMkLst>
        </pc:spChg>
        <pc:spChg chg="mod">
          <ac:chgData name="Luca Egoriti" userId="86980d32-e207-4caf-a8f6-6de1447eb40a" providerId="ADAL" clId="{E2D1C6CA-B12F-5FDF-832A-691E0E915A24}" dt="2026-06-22T04:00:38.891" v="257" actId="20577"/>
          <ac:spMkLst>
            <pc:docMk/>
            <pc:sldMk cId="939397169" sldId="378"/>
            <ac:spMk id="56" creationId="{F7BA012E-7109-AA50-EE41-B27B22F9BE54}"/>
          </ac:spMkLst>
        </pc:spChg>
        <pc:grpChg chg="mod">
          <ac:chgData name="Luca Egoriti" userId="86980d32-e207-4caf-a8f6-6de1447eb40a" providerId="ADAL" clId="{E2D1C6CA-B12F-5FDF-832A-691E0E915A24}" dt="2026-06-23T13:31:13.015" v="2510" actId="167"/>
          <ac:grpSpMkLst>
            <pc:docMk/>
            <pc:sldMk cId="939397169" sldId="378"/>
            <ac:grpSpMk id="80" creationId="{C078EADB-807C-7E7E-40F7-7FE5E27C2011}"/>
          </ac:grpSpMkLst>
        </pc:grpChg>
        <pc:cxnChg chg="del">
          <ac:chgData name="Luca Egoriti" userId="86980d32-e207-4caf-a8f6-6de1447eb40a" providerId="ADAL" clId="{E2D1C6CA-B12F-5FDF-832A-691E0E915A24}" dt="2026-06-23T08:57:24.940" v="2385" actId="478"/>
          <ac:cxnSpMkLst>
            <pc:docMk/>
            <pc:sldMk cId="939397169" sldId="378"/>
            <ac:cxnSpMk id="24" creationId="{327AD36C-33AE-5BD1-E006-0D0FA142A9F5}"/>
          </ac:cxnSpMkLst>
        </pc:cxnChg>
        <pc:cxnChg chg="add mod">
          <ac:chgData name="Luca Egoriti" userId="86980d32-e207-4caf-a8f6-6de1447eb40a" providerId="ADAL" clId="{E2D1C6CA-B12F-5FDF-832A-691E0E915A24}" dt="2026-06-23T08:57:38.233" v="2390" actId="1037"/>
          <ac:cxnSpMkLst>
            <pc:docMk/>
            <pc:sldMk cId="939397169" sldId="378"/>
            <ac:cxnSpMk id="38" creationId="{A8A62B22-B2D7-3421-835A-25D336F206F3}"/>
          </ac:cxnSpMkLst>
        </pc:cxnChg>
      </pc:sldChg>
      <pc:sldChg chg="del">
        <pc:chgData name="Luca Egoriti" userId="86980d32-e207-4caf-a8f6-6de1447eb40a" providerId="ADAL" clId="{E2D1C6CA-B12F-5FDF-832A-691E0E915A24}" dt="2026-06-22T04:12:44.432" v="290" actId="2696"/>
        <pc:sldMkLst>
          <pc:docMk/>
          <pc:sldMk cId="3937079976" sldId="380"/>
        </pc:sldMkLst>
      </pc:sldChg>
      <pc:sldChg chg="delSp modSp mod modAnim">
        <pc:chgData name="Luca Egoriti" userId="86980d32-e207-4caf-a8f6-6de1447eb40a" providerId="ADAL" clId="{E2D1C6CA-B12F-5FDF-832A-691E0E915A24}" dt="2026-06-23T13:35:59.935" v="2551"/>
        <pc:sldMkLst>
          <pc:docMk/>
          <pc:sldMk cId="1423585830" sldId="381"/>
        </pc:sldMkLst>
        <pc:spChg chg="del">
          <ac:chgData name="Luca Egoriti" userId="86980d32-e207-4caf-a8f6-6de1447eb40a" providerId="ADAL" clId="{E2D1C6CA-B12F-5FDF-832A-691E0E915A24}" dt="2026-06-22T05:13:13.677" v="537" actId="478"/>
          <ac:spMkLst>
            <pc:docMk/>
            <pc:sldMk cId="1423585830" sldId="381"/>
            <ac:spMk id="5" creationId="{EAFA56A0-5ED8-8BD0-2D0C-2F4A45AD5888}"/>
          </ac:spMkLst>
        </pc:spChg>
        <pc:spChg chg="del">
          <ac:chgData name="Luca Egoriti" userId="86980d32-e207-4caf-a8f6-6de1447eb40a" providerId="ADAL" clId="{E2D1C6CA-B12F-5FDF-832A-691E0E915A24}" dt="2026-06-22T05:13:13.677" v="537" actId="478"/>
          <ac:spMkLst>
            <pc:docMk/>
            <pc:sldMk cId="1423585830" sldId="381"/>
            <ac:spMk id="16" creationId="{345D6703-1EEA-41D3-ED11-2DE196725382}"/>
          </ac:spMkLst>
        </pc:spChg>
        <pc:spChg chg="del">
          <ac:chgData name="Luca Egoriti" userId="86980d32-e207-4caf-a8f6-6de1447eb40a" providerId="ADAL" clId="{E2D1C6CA-B12F-5FDF-832A-691E0E915A24}" dt="2026-06-22T05:13:13.677" v="537" actId="478"/>
          <ac:spMkLst>
            <pc:docMk/>
            <pc:sldMk cId="1423585830" sldId="381"/>
            <ac:spMk id="17" creationId="{E7612D79-D5F3-893A-E53C-CE2F8637AB95}"/>
          </ac:spMkLst>
        </pc:spChg>
        <pc:grpChg chg="mod">
          <ac:chgData name="Luca Egoriti" userId="86980d32-e207-4caf-a8f6-6de1447eb40a" providerId="ADAL" clId="{E2D1C6CA-B12F-5FDF-832A-691E0E915A24}" dt="2026-06-22T05:13:26.730" v="539" actId="1076"/>
          <ac:grpSpMkLst>
            <pc:docMk/>
            <pc:sldMk cId="1423585830" sldId="381"/>
            <ac:grpSpMk id="89" creationId="{38080BD1-1A35-B2A3-B702-BA57220CFB78}"/>
          </ac:grpSpMkLst>
        </pc:grpChg>
        <pc:grpChg chg="del">
          <ac:chgData name="Luca Egoriti" userId="86980d32-e207-4caf-a8f6-6de1447eb40a" providerId="ADAL" clId="{E2D1C6CA-B12F-5FDF-832A-691E0E915A24}" dt="2026-06-22T05:13:13.677" v="537" actId="478"/>
          <ac:grpSpMkLst>
            <pc:docMk/>
            <pc:sldMk cId="1423585830" sldId="381"/>
            <ac:grpSpMk id="128" creationId="{3C16AA21-AF6D-6822-124C-6B2E5E0B0183}"/>
          </ac:grpSpMkLst>
        </pc:grpChg>
        <pc:grpChg chg="del">
          <ac:chgData name="Luca Egoriti" userId="86980d32-e207-4caf-a8f6-6de1447eb40a" providerId="ADAL" clId="{E2D1C6CA-B12F-5FDF-832A-691E0E915A24}" dt="2026-06-22T05:13:13.677" v="537" actId="478"/>
          <ac:grpSpMkLst>
            <pc:docMk/>
            <pc:sldMk cId="1423585830" sldId="381"/>
            <ac:grpSpMk id="129" creationId="{C48D5EE3-B9E8-FA8F-DF4E-B1B737EE6FA5}"/>
          </ac:grpSpMkLst>
        </pc:grpChg>
        <pc:grpChg chg="del">
          <ac:chgData name="Luca Egoriti" userId="86980d32-e207-4caf-a8f6-6de1447eb40a" providerId="ADAL" clId="{E2D1C6CA-B12F-5FDF-832A-691E0E915A24}" dt="2026-06-22T05:13:13.677" v="537" actId="478"/>
          <ac:grpSpMkLst>
            <pc:docMk/>
            <pc:sldMk cId="1423585830" sldId="381"/>
            <ac:grpSpMk id="130" creationId="{C3966991-27AE-3A63-5B26-6EADD55CC19D}"/>
          </ac:grpSpMkLst>
        </pc:grpChg>
      </pc:sldChg>
      <pc:sldChg chg="addSp modSp mod modAnim">
        <pc:chgData name="Luca Egoriti" userId="86980d32-e207-4caf-a8f6-6de1447eb40a" providerId="ADAL" clId="{E2D1C6CA-B12F-5FDF-832A-691E0E915A24}" dt="2026-06-23T13:35:29.457" v="2550" actId="14100"/>
        <pc:sldMkLst>
          <pc:docMk/>
          <pc:sldMk cId="711540908" sldId="421"/>
        </pc:sldMkLst>
        <pc:spChg chg="mod">
          <ac:chgData name="Luca Egoriti" userId="86980d32-e207-4caf-a8f6-6de1447eb40a" providerId="ADAL" clId="{E2D1C6CA-B12F-5FDF-832A-691E0E915A24}" dt="2026-06-22T04:07:30.307" v="288" actId="20577"/>
          <ac:spMkLst>
            <pc:docMk/>
            <pc:sldMk cId="711540908" sldId="421"/>
            <ac:spMk id="4" creationId="{2F20834D-F68E-5ADB-5BA8-13BE6C74B366}"/>
          </ac:spMkLst>
        </pc:spChg>
        <pc:spChg chg="mod">
          <ac:chgData name="Luca Egoriti" userId="86980d32-e207-4caf-a8f6-6de1447eb40a" providerId="ADAL" clId="{E2D1C6CA-B12F-5FDF-832A-691E0E915A24}" dt="2026-06-22T04:18:02.924" v="355"/>
          <ac:spMkLst>
            <pc:docMk/>
            <pc:sldMk cId="711540908" sldId="421"/>
            <ac:spMk id="5" creationId="{8E52E8E5-CD62-C195-9D13-40B5BD2D0C1F}"/>
          </ac:spMkLst>
        </pc:spChg>
        <pc:spChg chg="mod">
          <ac:chgData name="Luca Egoriti" userId="86980d32-e207-4caf-a8f6-6de1447eb40a" providerId="ADAL" clId="{E2D1C6CA-B12F-5FDF-832A-691E0E915A24}" dt="2026-06-22T04:18:02.924" v="355"/>
          <ac:spMkLst>
            <pc:docMk/>
            <pc:sldMk cId="711540908" sldId="421"/>
            <ac:spMk id="6" creationId="{1B889E3D-B179-5F4A-2020-A9E0DE814E2B}"/>
          </ac:spMkLst>
        </pc:spChg>
        <pc:spChg chg="mod">
          <ac:chgData name="Luca Egoriti" userId="86980d32-e207-4caf-a8f6-6de1447eb40a" providerId="ADAL" clId="{E2D1C6CA-B12F-5FDF-832A-691E0E915A24}" dt="2026-06-22T04:18:02.924" v="355"/>
          <ac:spMkLst>
            <pc:docMk/>
            <pc:sldMk cId="711540908" sldId="421"/>
            <ac:spMk id="9" creationId="{90B118E1-3C42-3715-1683-F606707B9F74}"/>
          </ac:spMkLst>
        </pc:spChg>
        <pc:spChg chg="mod">
          <ac:chgData name="Luca Egoriti" userId="86980d32-e207-4caf-a8f6-6de1447eb40a" providerId="ADAL" clId="{E2D1C6CA-B12F-5FDF-832A-691E0E915A24}" dt="2026-06-22T04:18:02.924" v="355"/>
          <ac:spMkLst>
            <pc:docMk/>
            <pc:sldMk cId="711540908" sldId="421"/>
            <ac:spMk id="12" creationId="{70037F60-6E49-357D-A087-C3E796D98F53}"/>
          </ac:spMkLst>
        </pc:spChg>
        <pc:spChg chg="mod">
          <ac:chgData name="Luca Egoriti" userId="86980d32-e207-4caf-a8f6-6de1447eb40a" providerId="ADAL" clId="{E2D1C6CA-B12F-5FDF-832A-691E0E915A24}" dt="2026-06-22T04:18:02.924" v="355"/>
          <ac:spMkLst>
            <pc:docMk/>
            <pc:sldMk cId="711540908" sldId="421"/>
            <ac:spMk id="14" creationId="{D2EB8989-0E82-F1A1-7ACB-B11047EE1459}"/>
          </ac:spMkLst>
        </pc:spChg>
        <pc:spChg chg="mod">
          <ac:chgData name="Luca Egoriti" userId="86980d32-e207-4caf-a8f6-6de1447eb40a" providerId="ADAL" clId="{E2D1C6CA-B12F-5FDF-832A-691E0E915A24}" dt="2026-06-22T04:18:02.924" v="355"/>
          <ac:spMkLst>
            <pc:docMk/>
            <pc:sldMk cId="711540908" sldId="421"/>
            <ac:spMk id="16" creationId="{CFC75BEF-D49B-120E-2107-C76298291C45}"/>
          </ac:spMkLst>
        </pc:spChg>
        <pc:spChg chg="mod">
          <ac:chgData name="Luca Egoriti" userId="86980d32-e207-4caf-a8f6-6de1447eb40a" providerId="ADAL" clId="{E2D1C6CA-B12F-5FDF-832A-691E0E915A24}" dt="2026-06-22T04:18:02.924" v="355"/>
          <ac:spMkLst>
            <pc:docMk/>
            <pc:sldMk cId="711540908" sldId="421"/>
            <ac:spMk id="17" creationId="{9C0575A2-BADF-98C7-7767-A85EA2A81E4F}"/>
          </ac:spMkLst>
        </pc:spChg>
        <pc:spChg chg="mod">
          <ac:chgData name="Luca Egoriti" userId="86980d32-e207-4caf-a8f6-6de1447eb40a" providerId="ADAL" clId="{E2D1C6CA-B12F-5FDF-832A-691E0E915A24}" dt="2026-06-22T04:18:02.924" v="355"/>
          <ac:spMkLst>
            <pc:docMk/>
            <pc:sldMk cId="711540908" sldId="421"/>
            <ac:spMk id="20" creationId="{AA653A08-A81C-5A59-0261-0D8105869795}"/>
          </ac:spMkLst>
        </pc:spChg>
        <pc:spChg chg="mod">
          <ac:chgData name="Luca Egoriti" userId="86980d32-e207-4caf-a8f6-6de1447eb40a" providerId="ADAL" clId="{E2D1C6CA-B12F-5FDF-832A-691E0E915A24}" dt="2026-06-22T04:18:02.924" v="355"/>
          <ac:spMkLst>
            <pc:docMk/>
            <pc:sldMk cId="711540908" sldId="421"/>
            <ac:spMk id="22" creationId="{1AA4FA25-D37B-6A78-4572-09D5A7C17741}"/>
          </ac:spMkLst>
        </pc:spChg>
        <pc:spChg chg="mod">
          <ac:chgData name="Luca Egoriti" userId="86980d32-e207-4caf-a8f6-6de1447eb40a" providerId="ADAL" clId="{E2D1C6CA-B12F-5FDF-832A-691E0E915A24}" dt="2026-06-23T13:35:20.273" v="2532" actId="1038"/>
          <ac:spMkLst>
            <pc:docMk/>
            <pc:sldMk cId="711540908" sldId="421"/>
            <ac:spMk id="75" creationId="{347250EF-C258-B42F-CA53-F256E64E8AE3}"/>
          </ac:spMkLst>
        </pc:spChg>
        <pc:grpChg chg="add mod">
          <ac:chgData name="Luca Egoriti" userId="86980d32-e207-4caf-a8f6-6de1447eb40a" providerId="ADAL" clId="{E2D1C6CA-B12F-5FDF-832A-691E0E915A24}" dt="2026-06-22T04:18:07.378" v="356" actId="1076"/>
          <ac:grpSpMkLst>
            <pc:docMk/>
            <pc:sldMk cId="711540908" sldId="421"/>
            <ac:grpSpMk id="3" creationId="{06407431-A666-A269-C060-CDC081CF868B}"/>
          </ac:grpSpMkLst>
        </pc:grpChg>
        <pc:grpChg chg="mod">
          <ac:chgData name="Luca Egoriti" userId="86980d32-e207-4caf-a8f6-6de1447eb40a" providerId="ADAL" clId="{E2D1C6CA-B12F-5FDF-832A-691E0E915A24}" dt="2026-06-22T04:18:07.378" v="356" actId="1076"/>
          <ac:grpSpMkLst>
            <pc:docMk/>
            <pc:sldMk cId="711540908" sldId="421"/>
            <ac:grpSpMk id="8" creationId="{58C7A3B8-B784-9CAC-AFDA-4D27A00D92E8}"/>
          </ac:grpSpMkLst>
        </pc:grpChg>
        <pc:grpChg chg="mod">
          <ac:chgData name="Luca Egoriti" userId="86980d32-e207-4caf-a8f6-6de1447eb40a" providerId="ADAL" clId="{E2D1C6CA-B12F-5FDF-832A-691E0E915A24}" dt="2026-06-22T04:18:07.378" v="356" actId="1076"/>
          <ac:grpSpMkLst>
            <pc:docMk/>
            <pc:sldMk cId="711540908" sldId="421"/>
            <ac:grpSpMk id="15" creationId="{EE6B018F-1316-A021-E381-BE81128AEA49}"/>
          </ac:grpSpMkLst>
        </pc:grpChg>
        <pc:grpChg chg="mod">
          <ac:chgData name="Luca Egoriti" userId="86980d32-e207-4caf-a8f6-6de1447eb40a" providerId="ADAL" clId="{E2D1C6CA-B12F-5FDF-832A-691E0E915A24}" dt="2026-06-23T13:35:20.273" v="2532" actId="1038"/>
          <ac:grpSpMkLst>
            <pc:docMk/>
            <pc:sldMk cId="711540908" sldId="421"/>
            <ac:grpSpMk id="31" creationId="{C36D4A26-5F7F-4C41-079F-5B1DCBA692A4}"/>
          </ac:grpSpMkLst>
        </pc:grpChg>
        <pc:cxnChg chg="mod">
          <ac:chgData name="Luca Egoriti" userId="86980d32-e207-4caf-a8f6-6de1447eb40a" providerId="ADAL" clId="{E2D1C6CA-B12F-5FDF-832A-691E0E915A24}" dt="2026-06-23T13:35:29.457" v="2550" actId="14100"/>
          <ac:cxnSpMkLst>
            <pc:docMk/>
            <pc:sldMk cId="711540908" sldId="421"/>
            <ac:cxnSpMk id="10" creationId="{B69E6C3F-2863-2491-C3F8-04A2361DA79B}"/>
          </ac:cxnSpMkLst>
        </pc:cxnChg>
        <pc:cxnChg chg="mod">
          <ac:chgData name="Luca Egoriti" userId="86980d32-e207-4caf-a8f6-6de1447eb40a" providerId="ADAL" clId="{E2D1C6CA-B12F-5FDF-832A-691E0E915A24}" dt="2026-06-23T13:35:25.168" v="2549" actId="1038"/>
          <ac:cxnSpMkLst>
            <pc:docMk/>
            <pc:sldMk cId="711540908" sldId="421"/>
            <ac:cxnSpMk id="97" creationId="{3CB9C2B5-9D73-BF60-32E9-8AE7D7B98C7D}"/>
          </ac:cxnSpMkLst>
        </pc:cxnChg>
      </pc:sldChg>
      <pc:sldChg chg="addSp delSp modSp add mod delAnim modNotesTx">
        <pc:chgData name="Luca Egoriti" userId="86980d32-e207-4caf-a8f6-6de1447eb40a" providerId="ADAL" clId="{E2D1C6CA-B12F-5FDF-832A-691E0E915A24}" dt="2026-06-23T08:53:24.827" v="2315" actId="14100"/>
        <pc:sldMkLst>
          <pc:docMk/>
          <pc:sldMk cId="571778846" sldId="1432"/>
        </pc:sldMkLst>
        <pc:spChg chg="mod">
          <ac:chgData name="Luca Egoriti" userId="86980d32-e207-4caf-a8f6-6de1447eb40a" providerId="ADAL" clId="{E2D1C6CA-B12F-5FDF-832A-691E0E915A24}" dt="2026-06-22T03:55:23.326" v="128" actId="14100"/>
          <ac:spMkLst>
            <pc:docMk/>
            <pc:sldMk cId="571778846" sldId="1432"/>
            <ac:spMk id="4" creationId="{4CC5E785-8D2A-C842-065D-29C12B800FA8}"/>
          </ac:spMkLst>
        </pc:spChg>
        <pc:spChg chg="del mod">
          <ac:chgData name="Luca Egoriti" userId="86980d32-e207-4caf-a8f6-6de1447eb40a" providerId="ADAL" clId="{E2D1C6CA-B12F-5FDF-832A-691E0E915A24}" dt="2026-06-22T03:54:19.274" v="112" actId="478"/>
          <ac:spMkLst>
            <pc:docMk/>
            <pc:sldMk cId="571778846" sldId="1432"/>
            <ac:spMk id="5" creationId="{D6002566-7D38-6D4F-B7AB-D76A6EF9B6B0}"/>
          </ac:spMkLst>
        </pc:spChg>
        <pc:spChg chg="add del mod">
          <ac:chgData name="Luca Egoriti" userId="86980d32-e207-4caf-a8f6-6de1447eb40a" providerId="ADAL" clId="{E2D1C6CA-B12F-5FDF-832A-691E0E915A24}" dt="2026-06-22T03:54:15.488" v="110" actId="478"/>
          <ac:spMkLst>
            <pc:docMk/>
            <pc:sldMk cId="571778846" sldId="1432"/>
            <ac:spMk id="6" creationId="{6B8F9023-D621-D732-85F5-AFABA261CFEC}"/>
          </ac:spMkLst>
        </pc:spChg>
        <pc:spChg chg="del">
          <ac:chgData name="Luca Egoriti" userId="86980d32-e207-4caf-a8f6-6de1447eb40a" providerId="ADAL" clId="{E2D1C6CA-B12F-5FDF-832A-691E0E915A24}" dt="2026-06-22T03:54:35.480" v="117" actId="478"/>
          <ac:spMkLst>
            <pc:docMk/>
            <pc:sldMk cId="571778846" sldId="1432"/>
            <ac:spMk id="15" creationId="{A6DDB2A7-731A-7856-794A-622B54F4669A}"/>
          </ac:spMkLst>
        </pc:spChg>
        <pc:picChg chg="mod">
          <ac:chgData name="Luca Egoriti" userId="86980d32-e207-4caf-a8f6-6de1447eb40a" providerId="ADAL" clId="{E2D1C6CA-B12F-5FDF-832A-691E0E915A24}" dt="2026-06-23T08:53:24.827" v="2315" actId="14100"/>
          <ac:picMkLst>
            <pc:docMk/>
            <pc:sldMk cId="571778846" sldId="1432"/>
            <ac:picMk id="2" creationId="{D4D12892-54F5-6567-E12F-B1C2C14BE387}"/>
          </ac:picMkLst>
        </pc:picChg>
        <pc:picChg chg="mod">
          <ac:chgData name="Luca Egoriti" userId="86980d32-e207-4caf-a8f6-6de1447eb40a" providerId="ADAL" clId="{E2D1C6CA-B12F-5FDF-832A-691E0E915A24}" dt="2026-06-22T03:55:15.350" v="125" actId="14100"/>
          <ac:picMkLst>
            <pc:docMk/>
            <pc:sldMk cId="571778846" sldId="1432"/>
            <ac:picMk id="14" creationId="{D6251652-1AD5-BE49-AB80-D8058D13D335}"/>
          </ac:picMkLst>
        </pc:picChg>
      </pc:sldChg>
      <pc:sldChg chg="delSp mod delAnim">
        <pc:chgData name="Luca Egoriti" userId="86980d32-e207-4caf-a8f6-6de1447eb40a" providerId="ADAL" clId="{E2D1C6CA-B12F-5FDF-832A-691E0E915A24}" dt="2026-06-22T21:40:14.958" v="1052" actId="478"/>
        <pc:sldMkLst>
          <pc:docMk/>
          <pc:sldMk cId="4208174862" sldId="2034"/>
        </pc:sldMkLst>
        <pc:spChg chg="del">
          <ac:chgData name="Luca Egoriti" userId="86980d32-e207-4caf-a8f6-6de1447eb40a" providerId="ADAL" clId="{E2D1C6CA-B12F-5FDF-832A-691E0E915A24}" dt="2026-06-22T21:40:14.958" v="1052" actId="478"/>
          <ac:spMkLst>
            <pc:docMk/>
            <pc:sldMk cId="4208174862" sldId="2034"/>
            <ac:spMk id="12" creationId="{31368E55-BF16-444D-E167-662D52133025}"/>
          </ac:spMkLst>
        </pc:spChg>
      </pc:sldChg>
      <pc:sldChg chg="del">
        <pc:chgData name="Luca Egoriti" userId="86980d32-e207-4caf-a8f6-6de1447eb40a" providerId="ADAL" clId="{E2D1C6CA-B12F-5FDF-832A-691E0E915A24}" dt="2026-06-23T08:50:39.361" v="2313" actId="2696"/>
        <pc:sldMkLst>
          <pc:docMk/>
          <pc:sldMk cId="599983603" sldId="2036"/>
        </pc:sldMkLst>
      </pc:sldChg>
      <pc:sldChg chg="add del">
        <pc:chgData name="Luca Egoriti" userId="86980d32-e207-4caf-a8f6-6de1447eb40a" providerId="ADAL" clId="{E2D1C6CA-B12F-5FDF-832A-691E0E915A24}" dt="2026-06-22T03:47:50.247" v="14" actId="2696"/>
        <pc:sldMkLst>
          <pc:docMk/>
          <pc:sldMk cId="3738667950" sldId="2095"/>
        </pc:sldMkLst>
      </pc:sldChg>
      <pc:sldChg chg="delSp modSp mod delAnim modAnim">
        <pc:chgData name="Luca Egoriti" userId="86980d32-e207-4caf-a8f6-6de1447eb40a" providerId="ADAL" clId="{E2D1C6CA-B12F-5FDF-832A-691E0E915A24}" dt="2026-06-23T08:54:24.370" v="2316"/>
        <pc:sldMkLst>
          <pc:docMk/>
          <pc:sldMk cId="3564822232" sldId="5425"/>
        </pc:sldMkLst>
        <pc:grpChg chg="del mod">
          <ac:chgData name="Luca Egoriti" userId="86980d32-e207-4caf-a8f6-6de1447eb40a" providerId="ADAL" clId="{E2D1C6CA-B12F-5FDF-832A-691E0E915A24}" dt="2026-06-22T03:42:40.901" v="9" actId="165"/>
          <ac:grpSpMkLst>
            <pc:docMk/>
            <pc:sldMk cId="3564822232" sldId="5425"/>
            <ac:grpSpMk id="18" creationId="{233EEA67-7EC4-0266-0F85-B0181316E931}"/>
          </ac:grpSpMkLst>
        </pc:grpChg>
        <pc:picChg chg="topLvl">
          <ac:chgData name="Luca Egoriti" userId="86980d32-e207-4caf-a8f6-6de1447eb40a" providerId="ADAL" clId="{E2D1C6CA-B12F-5FDF-832A-691E0E915A24}" dt="2026-06-22T03:42:40.901" v="9" actId="165"/>
          <ac:picMkLst>
            <pc:docMk/>
            <pc:sldMk cId="3564822232" sldId="5425"/>
            <ac:picMk id="19" creationId="{D0383687-0E30-FD2B-BF8F-8192E2D29B39}"/>
          </ac:picMkLst>
        </pc:picChg>
        <pc:picChg chg="mod topLvl">
          <ac:chgData name="Luca Egoriti" userId="86980d32-e207-4caf-a8f6-6de1447eb40a" providerId="ADAL" clId="{E2D1C6CA-B12F-5FDF-832A-691E0E915A24}" dt="2026-06-22T03:42:40.901" v="9" actId="165"/>
          <ac:picMkLst>
            <pc:docMk/>
            <pc:sldMk cId="3564822232" sldId="5425"/>
            <ac:picMk id="20" creationId="{41BFAE96-A6EF-20B3-1BD0-83120EC82E03}"/>
          </ac:picMkLst>
        </pc:picChg>
      </pc:sldChg>
      <pc:sldChg chg="addSp delSp modSp mod modAnim">
        <pc:chgData name="Luca Egoriti" userId="86980d32-e207-4caf-a8f6-6de1447eb40a" providerId="ADAL" clId="{E2D1C6CA-B12F-5FDF-832A-691E0E915A24}" dt="2026-06-23T09:10:06.596" v="2443"/>
        <pc:sldMkLst>
          <pc:docMk/>
          <pc:sldMk cId="1862741048" sldId="5432"/>
        </pc:sldMkLst>
        <pc:grpChg chg="add">
          <ac:chgData name="Luca Egoriti" userId="86980d32-e207-4caf-a8f6-6de1447eb40a" providerId="ADAL" clId="{E2D1C6CA-B12F-5FDF-832A-691E0E915A24}" dt="2026-06-23T09:10:01.370" v="2442" actId="164"/>
          <ac:grpSpMkLst>
            <pc:docMk/>
            <pc:sldMk cId="1862741048" sldId="5432"/>
            <ac:grpSpMk id="11" creationId="{AF6CC89A-7B98-A7EE-8F6B-6B0F8B003983}"/>
          </ac:grpSpMkLst>
        </pc:grpChg>
        <pc:picChg chg="add mod">
          <ac:chgData name="Luca Egoriti" userId="86980d32-e207-4caf-a8f6-6de1447eb40a" providerId="ADAL" clId="{E2D1C6CA-B12F-5FDF-832A-691E0E915A24}" dt="2026-06-23T09:07:42.448" v="2423" actId="1076"/>
          <ac:picMkLst>
            <pc:docMk/>
            <pc:sldMk cId="1862741048" sldId="5432"/>
            <ac:picMk id="6" creationId="{DDE8B500-2726-5302-94F3-8F4FD77D4AF2}"/>
          </ac:picMkLst>
        </pc:picChg>
        <pc:picChg chg="add del mod modCrop">
          <ac:chgData name="Luca Egoriti" userId="86980d32-e207-4caf-a8f6-6de1447eb40a" providerId="ADAL" clId="{E2D1C6CA-B12F-5FDF-832A-691E0E915A24}" dt="2026-06-23T09:08:48.541" v="2430" actId="478"/>
          <ac:picMkLst>
            <pc:docMk/>
            <pc:sldMk cId="1862741048" sldId="5432"/>
            <ac:picMk id="9" creationId="{E4A15886-4CF6-F20F-FD36-4730084B2C1E}"/>
          </ac:picMkLst>
        </pc:picChg>
        <pc:picChg chg="add mod">
          <ac:chgData name="Luca Egoriti" userId="86980d32-e207-4caf-a8f6-6de1447eb40a" providerId="ADAL" clId="{E2D1C6CA-B12F-5FDF-832A-691E0E915A24}" dt="2026-06-23T09:09:54.854" v="2441" actId="1076"/>
          <ac:picMkLst>
            <pc:docMk/>
            <pc:sldMk cId="1862741048" sldId="5432"/>
            <ac:picMk id="10" creationId="{BC61B8B8-0362-CD81-4B0A-EDB6A6CC32D2}"/>
          </ac:picMkLst>
        </pc:picChg>
      </pc:sldChg>
      <pc:sldChg chg="ord">
        <pc:chgData name="Luca Egoriti" userId="86980d32-e207-4caf-a8f6-6de1447eb40a" providerId="ADAL" clId="{E2D1C6CA-B12F-5FDF-832A-691E0E915A24}" dt="2026-06-22T17:12:41.135" v="678" actId="20578"/>
        <pc:sldMkLst>
          <pc:docMk/>
          <pc:sldMk cId="1330048409" sldId="5433"/>
        </pc:sldMkLst>
      </pc:sldChg>
      <pc:sldChg chg="addSp delSp modSp add del mod ord delAnim modAnim">
        <pc:chgData name="Luca Egoriti" userId="86980d32-e207-4caf-a8f6-6de1447eb40a" providerId="ADAL" clId="{E2D1C6CA-B12F-5FDF-832A-691E0E915A24}" dt="2026-06-22T15:28:05.317" v="563" actId="2696"/>
        <pc:sldMkLst>
          <pc:docMk/>
          <pc:sldMk cId="2493892568" sldId="5434"/>
        </pc:sldMkLst>
        <pc:spChg chg="add del mod">
          <ac:chgData name="Luca Egoriti" userId="86980d32-e207-4caf-a8f6-6de1447eb40a" providerId="ADAL" clId="{E2D1C6CA-B12F-5FDF-832A-691E0E915A24}" dt="2026-06-22T04:17:57.715" v="354" actId="478"/>
          <ac:spMkLst>
            <pc:docMk/>
            <pc:sldMk cId="2493892568" sldId="5434"/>
            <ac:spMk id="4" creationId="{D899162A-E3C7-450B-260A-8AE3947911FD}"/>
          </ac:spMkLst>
        </pc:spChg>
        <pc:spChg chg="mod">
          <ac:chgData name="Luca Egoriti" userId="86980d32-e207-4caf-a8f6-6de1447eb40a" providerId="ADAL" clId="{E2D1C6CA-B12F-5FDF-832A-691E0E915A24}" dt="2026-06-22T04:14:37.531" v="329" actId="20577"/>
          <ac:spMkLst>
            <pc:docMk/>
            <pc:sldMk cId="2493892568" sldId="5434"/>
            <ac:spMk id="5" creationId="{6F06B0FE-8C87-71D8-4DF1-78B791D547F9}"/>
          </ac:spMkLst>
        </pc:spChg>
        <pc:spChg chg="add del mod">
          <ac:chgData name="Luca Egoriti" userId="86980d32-e207-4caf-a8f6-6de1447eb40a" providerId="ADAL" clId="{E2D1C6CA-B12F-5FDF-832A-691E0E915A24}" dt="2026-06-22T04:17:23.553" v="348" actId="478"/>
          <ac:spMkLst>
            <pc:docMk/>
            <pc:sldMk cId="2493892568" sldId="5434"/>
            <ac:spMk id="8" creationId="{1968EA32-869A-D487-B6E0-7DDAF0F333EC}"/>
          </ac:spMkLst>
        </pc:spChg>
        <pc:spChg chg="del">
          <ac:chgData name="Luca Egoriti" userId="86980d32-e207-4caf-a8f6-6de1447eb40a" providerId="ADAL" clId="{E2D1C6CA-B12F-5FDF-832A-691E0E915A24}" dt="2026-06-22T04:17:26.183" v="350" actId="478"/>
          <ac:spMkLst>
            <pc:docMk/>
            <pc:sldMk cId="2493892568" sldId="5434"/>
            <ac:spMk id="9" creationId="{A8F21216-FE07-5DDD-E1A8-10FF575B3983}"/>
          </ac:spMkLst>
        </pc:spChg>
        <pc:spChg chg="add del mod">
          <ac:chgData name="Luca Egoriti" userId="86980d32-e207-4caf-a8f6-6de1447eb40a" providerId="ADAL" clId="{E2D1C6CA-B12F-5FDF-832A-691E0E915A24}" dt="2026-06-22T04:17:28.217" v="351" actId="478"/>
          <ac:spMkLst>
            <pc:docMk/>
            <pc:sldMk cId="2493892568" sldId="5434"/>
            <ac:spMk id="10" creationId="{F3807421-F6A4-C924-13D4-41E18F984D5B}"/>
          </ac:spMkLst>
        </pc:spChg>
        <pc:spChg chg="mod">
          <ac:chgData name="Luca Egoriti" userId="86980d32-e207-4caf-a8f6-6de1447eb40a" providerId="ADAL" clId="{E2D1C6CA-B12F-5FDF-832A-691E0E915A24}" dt="2026-06-22T04:17:18.953" v="345"/>
          <ac:spMkLst>
            <pc:docMk/>
            <pc:sldMk cId="2493892568" sldId="5434"/>
            <ac:spMk id="12" creationId="{408F558D-74AB-4510-0693-65991F81579C}"/>
          </ac:spMkLst>
        </pc:spChg>
        <pc:spChg chg="mod">
          <ac:chgData name="Luca Egoriti" userId="86980d32-e207-4caf-a8f6-6de1447eb40a" providerId="ADAL" clId="{E2D1C6CA-B12F-5FDF-832A-691E0E915A24}" dt="2026-06-22T04:17:18.953" v="345"/>
          <ac:spMkLst>
            <pc:docMk/>
            <pc:sldMk cId="2493892568" sldId="5434"/>
            <ac:spMk id="13" creationId="{0519DE8F-8BC5-BC42-EA8B-CEADEAA18302}"/>
          </ac:spMkLst>
        </pc:spChg>
        <pc:spChg chg="mod">
          <ac:chgData name="Luca Egoriti" userId="86980d32-e207-4caf-a8f6-6de1447eb40a" providerId="ADAL" clId="{E2D1C6CA-B12F-5FDF-832A-691E0E915A24}" dt="2026-06-22T04:17:18.953" v="345"/>
          <ac:spMkLst>
            <pc:docMk/>
            <pc:sldMk cId="2493892568" sldId="5434"/>
            <ac:spMk id="17" creationId="{62931E4F-FC73-7589-B8FC-4F01FD13EEC7}"/>
          </ac:spMkLst>
        </pc:spChg>
        <pc:spChg chg="mod">
          <ac:chgData name="Luca Egoriti" userId="86980d32-e207-4caf-a8f6-6de1447eb40a" providerId="ADAL" clId="{E2D1C6CA-B12F-5FDF-832A-691E0E915A24}" dt="2026-06-22T04:17:18.953" v="345"/>
          <ac:spMkLst>
            <pc:docMk/>
            <pc:sldMk cId="2493892568" sldId="5434"/>
            <ac:spMk id="21" creationId="{C8712043-C607-EBC1-AAA8-8273B67062C9}"/>
          </ac:spMkLst>
        </pc:spChg>
        <pc:spChg chg="mod">
          <ac:chgData name="Luca Egoriti" userId="86980d32-e207-4caf-a8f6-6de1447eb40a" providerId="ADAL" clId="{E2D1C6CA-B12F-5FDF-832A-691E0E915A24}" dt="2026-06-22T04:17:18.953" v="345"/>
          <ac:spMkLst>
            <pc:docMk/>
            <pc:sldMk cId="2493892568" sldId="5434"/>
            <ac:spMk id="22" creationId="{08645F95-FA82-50CD-0730-12822AA6E909}"/>
          </ac:spMkLst>
        </pc:spChg>
        <pc:spChg chg="mod">
          <ac:chgData name="Luca Egoriti" userId="86980d32-e207-4caf-a8f6-6de1447eb40a" providerId="ADAL" clId="{E2D1C6CA-B12F-5FDF-832A-691E0E915A24}" dt="2026-06-22T04:17:18.953" v="345"/>
          <ac:spMkLst>
            <pc:docMk/>
            <pc:sldMk cId="2493892568" sldId="5434"/>
            <ac:spMk id="25" creationId="{6D83A64C-E609-308E-531A-33C41C6B787D}"/>
          </ac:spMkLst>
        </pc:spChg>
        <pc:spChg chg="mod">
          <ac:chgData name="Luca Egoriti" userId="86980d32-e207-4caf-a8f6-6de1447eb40a" providerId="ADAL" clId="{E2D1C6CA-B12F-5FDF-832A-691E0E915A24}" dt="2026-06-22T04:17:18.953" v="345"/>
          <ac:spMkLst>
            <pc:docMk/>
            <pc:sldMk cId="2493892568" sldId="5434"/>
            <ac:spMk id="27" creationId="{5F672D6B-CD43-0AE7-2B53-F1260232CDC2}"/>
          </ac:spMkLst>
        </pc:spChg>
        <pc:grpChg chg="del">
          <ac:chgData name="Luca Egoriti" userId="86980d32-e207-4caf-a8f6-6de1447eb40a" providerId="ADAL" clId="{E2D1C6CA-B12F-5FDF-832A-691E0E915A24}" dt="2026-06-22T04:19:52.143" v="359" actId="478"/>
          <ac:grpSpMkLst>
            <pc:docMk/>
            <pc:sldMk cId="2493892568" sldId="5434"/>
            <ac:grpSpMk id="11" creationId="{55321EAF-DEE9-C714-F2A4-0F2983F8329A}"/>
          </ac:grpSpMkLst>
        </pc:grpChg>
        <pc:grpChg chg="del">
          <ac:chgData name="Luca Egoriti" userId="86980d32-e207-4caf-a8f6-6de1447eb40a" providerId="ADAL" clId="{E2D1C6CA-B12F-5FDF-832A-691E0E915A24}" dt="2026-06-22T04:19:52.143" v="359" actId="478"/>
          <ac:grpSpMkLst>
            <pc:docMk/>
            <pc:sldMk cId="2493892568" sldId="5434"/>
            <ac:grpSpMk id="14" creationId="{ABAD1372-7870-9791-C8EE-326DF73E84B6}"/>
          </ac:grpSpMkLst>
        </pc:grpChg>
        <pc:grpChg chg="del">
          <ac:chgData name="Luca Egoriti" userId="86980d32-e207-4caf-a8f6-6de1447eb40a" providerId="ADAL" clId="{E2D1C6CA-B12F-5FDF-832A-691E0E915A24}" dt="2026-06-22T04:19:52.143" v="359" actId="478"/>
          <ac:grpSpMkLst>
            <pc:docMk/>
            <pc:sldMk cId="2493892568" sldId="5434"/>
            <ac:grpSpMk id="20" creationId="{9E4FCB39-4130-C2F2-9BFC-1EC857B3AFEA}"/>
          </ac:grpSpMkLst>
        </pc:grpChg>
        <pc:picChg chg="add del mod">
          <ac:chgData name="Luca Egoriti" userId="86980d32-e207-4caf-a8f6-6de1447eb40a" providerId="ADAL" clId="{E2D1C6CA-B12F-5FDF-832A-691E0E915A24}" dt="2026-06-22T04:23:06.885" v="367" actId="478"/>
          <ac:picMkLst>
            <pc:docMk/>
            <pc:sldMk cId="2493892568" sldId="5434"/>
            <ac:picMk id="28" creationId="{702F09AF-37CC-AB57-B291-D5419E2C61AC}"/>
          </ac:picMkLst>
        </pc:picChg>
        <pc:cxnChg chg="del">
          <ac:chgData name="Luca Egoriti" userId="86980d32-e207-4caf-a8f6-6de1447eb40a" providerId="ADAL" clId="{E2D1C6CA-B12F-5FDF-832A-691E0E915A24}" dt="2026-06-22T04:17:22.671" v="347" actId="478"/>
          <ac:cxnSpMkLst>
            <pc:docMk/>
            <pc:sldMk cId="2493892568" sldId="5434"/>
            <ac:cxnSpMk id="2" creationId="{9B3761A4-4390-D933-8E74-56FE1E41524B}"/>
          </ac:cxnSpMkLst>
        </pc:cxnChg>
        <pc:cxnChg chg="del">
          <ac:chgData name="Luca Egoriti" userId="86980d32-e207-4caf-a8f6-6de1447eb40a" providerId="ADAL" clId="{E2D1C6CA-B12F-5FDF-832A-691E0E915A24}" dt="2026-06-22T04:17:21.951" v="346" actId="478"/>
          <ac:cxnSpMkLst>
            <pc:docMk/>
            <pc:sldMk cId="2493892568" sldId="5434"/>
            <ac:cxnSpMk id="6" creationId="{BBC9E8C8-AB5C-1963-0D28-A8BE4C1A4381}"/>
          </ac:cxnSpMkLst>
        </pc:cxnChg>
        <pc:cxnChg chg="del">
          <ac:chgData name="Luca Egoriti" userId="86980d32-e207-4caf-a8f6-6de1447eb40a" providerId="ADAL" clId="{E2D1C6CA-B12F-5FDF-832A-691E0E915A24}" dt="2026-06-22T04:17:24.278" v="349" actId="478"/>
          <ac:cxnSpMkLst>
            <pc:docMk/>
            <pc:sldMk cId="2493892568" sldId="5434"/>
            <ac:cxnSpMk id="7" creationId="{35A1DD94-8231-4263-4323-7682963CCD1F}"/>
          </ac:cxnSpMkLst>
        </pc:cxnChg>
      </pc:sldChg>
      <pc:sldChg chg="modAnim">
        <pc:chgData name="Luca Egoriti" userId="86980d32-e207-4caf-a8f6-6de1447eb40a" providerId="ADAL" clId="{E2D1C6CA-B12F-5FDF-832A-691E0E915A24}" dt="2026-06-23T09:05:16.610" v="2421"/>
        <pc:sldMkLst>
          <pc:docMk/>
          <pc:sldMk cId="630743087" sldId="5435"/>
        </pc:sldMkLst>
      </pc:sldChg>
      <pc:sldChg chg="addSp modSp mod delAnim modAnim">
        <pc:chgData name="Luca Egoriti" userId="86980d32-e207-4caf-a8f6-6de1447eb40a" providerId="ADAL" clId="{E2D1C6CA-B12F-5FDF-832A-691E0E915A24}" dt="2026-06-22T17:10:50.326" v="676"/>
        <pc:sldMkLst>
          <pc:docMk/>
          <pc:sldMk cId="517314474" sldId="5436"/>
        </pc:sldMkLst>
        <pc:spChg chg="add mod">
          <ac:chgData name="Luca Egoriti" userId="86980d32-e207-4caf-a8f6-6de1447eb40a" providerId="ADAL" clId="{E2D1C6CA-B12F-5FDF-832A-691E0E915A24}" dt="2026-06-22T17:03:40.052" v="672" actId="1035"/>
          <ac:spMkLst>
            <pc:docMk/>
            <pc:sldMk cId="517314474" sldId="5436"/>
            <ac:spMk id="10" creationId="{AD6A2CDF-38E7-4629-B63F-61A79638FCE1}"/>
          </ac:spMkLst>
        </pc:spChg>
        <pc:spChg chg="add mod">
          <ac:chgData name="Luca Egoriti" userId="86980d32-e207-4caf-a8f6-6de1447eb40a" providerId="ADAL" clId="{E2D1C6CA-B12F-5FDF-832A-691E0E915A24}" dt="2026-06-22T17:00:59.298" v="635" actId="1076"/>
          <ac:spMkLst>
            <pc:docMk/>
            <pc:sldMk cId="517314474" sldId="5436"/>
            <ac:spMk id="14" creationId="{8F24ED19-5421-CEA1-488C-F84BB2334680}"/>
          </ac:spMkLst>
        </pc:spChg>
        <pc:spChg chg="mod">
          <ac:chgData name="Luca Egoriti" userId="86980d32-e207-4caf-a8f6-6de1447eb40a" providerId="ADAL" clId="{E2D1C6CA-B12F-5FDF-832A-691E0E915A24}" dt="2026-06-22T17:01:12.761" v="652" actId="1035"/>
          <ac:spMkLst>
            <pc:docMk/>
            <pc:sldMk cId="517314474" sldId="5436"/>
            <ac:spMk id="41" creationId="{7DF2E776-D9FD-AD16-8FFF-3D182D22E72F}"/>
          </ac:spMkLst>
        </pc:spChg>
        <pc:grpChg chg="add">
          <ac:chgData name="Luca Egoriti" userId="86980d32-e207-4caf-a8f6-6de1447eb40a" providerId="ADAL" clId="{E2D1C6CA-B12F-5FDF-832A-691E0E915A24}" dt="2026-06-22T17:03:06.936" v="663" actId="164"/>
          <ac:grpSpMkLst>
            <pc:docMk/>
            <pc:sldMk cId="517314474" sldId="5436"/>
            <ac:grpSpMk id="20" creationId="{3CF3DE85-C1ED-D282-9A89-FED1A256A201}"/>
          </ac:grpSpMkLst>
        </pc:grpChg>
        <pc:cxnChg chg="add mod">
          <ac:chgData name="Luca Egoriti" userId="86980d32-e207-4caf-a8f6-6de1447eb40a" providerId="ADAL" clId="{E2D1C6CA-B12F-5FDF-832A-691E0E915A24}" dt="2026-06-22T17:00:59.298" v="635" actId="1076"/>
          <ac:cxnSpMkLst>
            <pc:docMk/>
            <pc:sldMk cId="517314474" sldId="5436"/>
            <ac:cxnSpMk id="5" creationId="{DDE28354-6411-EDC3-FB32-1D07F0AF6A6A}"/>
          </ac:cxnSpMkLst>
        </pc:cxnChg>
        <pc:cxnChg chg="add mod">
          <ac:chgData name="Luca Egoriti" userId="86980d32-e207-4caf-a8f6-6de1447eb40a" providerId="ADAL" clId="{E2D1C6CA-B12F-5FDF-832A-691E0E915A24}" dt="2026-06-22T17:03:46.078" v="673" actId="14100"/>
          <ac:cxnSpMkLst>
            <pc:docMk/>
            <pc:sldMk cId="517314474" sldId="5436"/>
            <ac:cxnSpMk id="8" creationId="{511C0421-AFC4-A699-3AC0-8C2C26133C60}"/>
          </ac:cxnSpMkLst>
        </pc:cxnChg>
        <pc:cxnChg chg="add mod">
          <ac:chgData name="Luca Egoriti" userId="86980d32-e207-4caf-a8f6-6de1447eb40a" providerId="ADAL" clId="{E2D1C6CA-B12F-5FDF-832A-691E0E915A24}" dt="2026-06-22T17:00:59.298" v="635" actId="1076"/>
          <ac:cxnSpMkLst>
            <pc:docMk/>
            <pc:sldMk cId="517314474" sldId="5436"/>
            <ac:cxnSpMk id="12" creationId="{D726A533-155B-EE99-E5B5-747FC8CBEAAA}"/>
          </ac:cxnSpMkLst>
        </pc:cxnChg>
        <pc:cxnChg chg="add mod">
          <ac:chgData name="Luca Egoriti" userId="86980d32-e207-4caf-a8f6-6de1447eb40a" providerId="ADAL" clId="{E2D1C6CA-B12F-5FDF-832A-691E0E915A24}" dt="2026-06-22T17:00:59.298" v="635" actId="1076"/>
          <ac:cxnSpMkLst>
            <pc:docMk/>
            <pc:sldMk cId="517314474" sldId="5436"/>
            <ac:cxnSpMk id="13" creationId="{1E2ED361-26DA-C953-A3C2-FDEBD7E2FAEC}"/>
          </ac:cxnSpMkLst>
        </pc:cxnChg>
        <pc:cxnChg chg="add mod">
          <ac:chgData name="Luca Egoriti" userId="86980d32-e207-4caf-a8f6-6de1447eb40a" providerId="ADAL" clId="{E2D1C6CA-B12F-5FDF-832A-691E0E915A24}" dt="2026-06-22T17:00:59.298" v="635" actId="1076"/>
          <ac:cxnSpMkLst>
            <pc:docMk/>
            <pc:sldMk cId="517314474" sldId="5436"/>
            <ac:cxnSpMk id="15" creationId="{D242435D-5BB8-A599-669D-35CED116B9EA}"/>
          </ac:cxnSpMkLst>
        </pc:cxnChg>
        <pc:cxnChg chg="mod">
          <ac:chgData name="Luca Egoriti" userId="86980d32-e207-4caf-a8f6-6de1447eb40a" providerId="ADAL" clId="{E2D1C6CA-B12F-5FDF-832A-691E0E915A24}" dt="2026-06-22T17:01:12.761" v="652" actId="1035"/>
          <ac:cxnSpMkLst>
            <pc:docMk/>
            <pc:sldMk cId="517314474" sldId="5436"/>
            <ac:cxnSpMk id="42" creationId="{38056593-0E7E-6463-FF49-24D65CD19768}"/>
          </ac:cxnSpMkLst>
        </pc:cxnChg>
        <pc:cxnChg chg="mod">
          <ac:chgData name="Luca Egoriti" userId="86980d32-e207-4caf-a8f6-6de1447eb40a" providerId="ADAL" clId="{E2D1C6CA-B12F-5FDF-832A-691E0E915A24}" dt="2026-06-22T17:01:12.761" v="652" actId="1035"/>
          <ac:cxnSpMkLst>
            <pc:docMk/>
            <pc:sldMk cId="517314474" sldId="5436"/>
            <ac:cxnSpMk id="43" creationId="{AD5C1D96-1678-0F26-C020-DEFA3FD2CFA1}"/>
          </ac:cxnSpMkLst>
        </pc:cxnChg>
        <pc:cxnChg chg="mod">
          <ac:chgData name="Luca Egoriti" userId="86980d32-e207-4caf-a8f6-6de1447eb40a" providerId="ADAL" clId="{E2D1C6CA-B12F-5FDF-832A-691E0E915A24}" dt="2026-06-22T17:01:12.761" v="652" actId="1035"/>
          <ac:cxnSpMkLst>
            <pc:docMk/>
            <pc:sldMk cId="517314474" sldId="5436"/>
            <ac:cxnSpMk id="44" creationId="{06EEED8F-58DD-172A-6D67-F00804B2A791}"/>
          </ac:cxnSpMkLst>
        </pc:cxnChg>
        <pc:cxnChg chg="mod">
          <ac:chgData name="Luca Egoriti" userId="86980d32-e207-4caf-a8f6-6de1447eb40a" providerId="ADAL" clId="{E2D1C6CA-B12F-5FDF-832A-691E0E915A24}" dt="2026-06-22T17:01:17.597" v="653" actId="14100"/>
          <ac:cxnSpMkLst>
            <pc:docMk/>
            <pc:sldMk cId="517314474" sldId="5436"/>
            <ac:cxnSpMk id="45" creationId="{EE9EF016-3F88-3D71-C95F-90D8D63F099B}"/>
          </ac:cxnSpMkLst>
        </pc:cxnChg>
      </pc:sldChg>
      <pc:sldChg chg="ord">
        <pc:chgData name="Luca Egoriti" userId="86980d32-e207-4caf-a8f6-6de1447eb40a" providerId="ADAL" clId="{E2D1C6CA-B12F-5FDF-832A-691E0E915A24}" dt="2026-06-22T17:11:51.305" v="677" actId="20578"/>
        <pc:sldMkLst>
          <pc:docMk/>
          <pc:sldMk cId="3513053968" sldId="5439"/>
        </pc:sldMkLst>
      </pc:sldChg>
      <pc:sldChg chg="addSp delSp modSp mod delAnim modAnim">
        <pc:chgData name="Luca Egoriti" userId="86980d32-e207-4caf-a8f6-6de1447eb40a" providerId="ADAL" clId="{E2D1C6CA-B12F-5FDF-832A-691E0E915A24}" dt="2026-06-22T21:45:06.798" v="1066"/>
        <pc:sldMkLst>
          <pc:docMk/>
          <pc:sldMk cId="97012212" sldId="5447"/>
        </pc:sldMkLst>
        <pc:spChg chg="del">
          <ac:chgData name="Luca Egoriti" userId="86980d32-e207-4caf-a8f6-6de1447eb40a" providerId="ADAL" clId="{E2D1C6CA-B12F-5FDF-832A-691E0E915A24}" dt="2026-06-22T21:44:49.896" v="1062" actId="478"/>
          <ac:spMkLst>
            <pc:docMk/>
            <pc:sldMk cId="97012212" sldId="5447"/>
            <ac:spMk id="63" creationId="{8CF15D66-F6D0-C21D-5888-D43B34FCDF2B}"/>
          </ac:spMkLst>
        </pc:spChg>
        <pc:spChg chg="del">
          <ac:chgData name="Luca Egoriti" userId="86980d32-e207-4caf-a8f6-6de1447eb40a" providerId="ADAL" clId="{E2D1C6CA-B12F-5FDF-832A-691E0E915A24}" dt="2026-06-22T17:16:07.700" v="679" actId="478"/>
          <ac:spMkLst>
            <pc:docMk/>
            <pc:sldMk cId="97012212" sldId="5447"/>
            <ac:spMk id="64" creationId="{46971ED4-F90D-AF4B-6F73-0CCCAD491E43}"/>
          </ac:spMkLst>
        </pc:spChg>
        <pc:picChg chg="add mod modCrop">
          <ac:chgData name="Luca Egoriti" userId="86980d32-e207-4caf-a8f6-6de1447eb40a" providerId="ADAL" clId="{E2D1C6CA-B12F-5FDF-832A-691E0E915A24}" dt="2026-06-22T21:44:56.005" v="1064" actId="1076"/>
          <ac:picMkLst>
            <pc:docMk/>
            <pc:sldMk cId="97012212" sldId="5447"/>
            <ac:picMk id="6" creationId="{2FD4A4D8-92D2-AE6B-87FF-870A3587F61B}"/>
          </ac:picMkLst>
        </pc:picChg>
      </pc:sldChg>
      <pc:sldChg chg="addSp delSp modSp mod delAnim modAnim">
        <pc:chgData name="Luca Egoriti" userId="86980d32-e207-4caf-a8f6-6de1447eb40a" providerId="ADAL" clId="{E2D1C6CA-B12F-5FDF-832A-691E0E915A24}" dt="2026-06-23T09:14:40.518" v="2486"/>
        <pc:sldMkLst>
          <pc:docMk/>
          <pc:sldMk cId="3153393781" sldId="5450"/>
        </pc:sldMkLst>
        <pc:spChg chg="del">
          <ac:chgData name="Luca Egoriti" userId="86980d32-e207-4caf-a8f6-6de1447eb40a" providerId="ADAL" clId="{E2D1C6CA-B12F-5FDF-832A-691E0E915A24}" dt="2026-06-23T09:12:37.508" v="2453" actId="478"/>
          <ac:spMkLst>
            <pc:docMk/>
            <pc:sldMk cId="3153393781" sldId="5450"/>
            <ac:spMk id="4" creationId="{02048E77-642E-EB2B-F9EC-9CAC95685AC9}"/>
          </ac:spMkLst>
        </pc:spChg>
        <pc:spChg chg="del mod topLvl">
          <ac:chgData name="Luca Egoriti" userId="86980d32-e207-4caf-a8f6-6de1447eb40a" providerId="ADAL" clId="{E2D1C6CA-B12F-5FDF-832A-691E0E915A24}" dt="2026-06-23T09:11:39.603" v="2446" actId="478"/>
          <ac:spMkLst>
            <pc:docMk/>
            <pc:sldMk cId="3153393781" sldId="5450"/>
            <ac:spMk id="5" creationId="{DDEBFC61-FC91-5C7F-B71A-2DDF3D46ADF9}"/>
          </ac:spMkLst>
        </pc:spChg>
        <pc:spChg chg="add del mod">
          <ac:chgData name="Luca Egoriti" userId="86980d32-e207-4caf-a8f6-6de1447eb40a" providerId="ADAL" clId="{E2D1C6CA-B12F-5FDF-832A-691E0E915A24}" dt="2026-06-23T09:11:39.603" v="2446" actId="478"/>
          <ac:spMkLst>
            <pc:docMk/>
            <pc:sldMk cId="3153393781" sldId="5450"/>
            <ac:spMk id="9" creationId="{7B5FBD80-AE5D-27DD-E13C-1F7FE9871FAF}"/>
          </ac:spMkLst>
        </pc:spChg>
        <pc:spChg chg="del mod">
          <ac:chgData name="Luca Egoriti" userId="86980d32-e207-4caf-a8f6-6de1447eb40a" providerId="ADAL" clId="{E2D1C6CA-B12F-5FDF-832A-691E0E915A24}" dt="2026-06-23T09:13:54.415" v="2471" actId="478"/>
          <ac:spMkLst>
            <pc:docMk/>
            <pc:sldMk cId="3153393781" sldId="5450"/>
            <ac:spMk id="16" creationId="{F2993FB3-6E05-4A8F-AF58-FA0B074AD153}"/>
          </ac:spMkLst>
        </pc:spChg>
        <pc:spChg chg="del">
          <ac:chgData name="Luca Egoriti" userId="86980d32-e207-4caf-a8f6-6de1447eb40a" providerId="ADAL" clId="{E2D1C6CA-B12F-5FDF-832A-691E0E915A24}" dt="2026-06-22T21:48:41.969" v="1075" actId="478"/>
          <ac:spMkLst>
            <pc:docMk/>
            <pc:sldMk cId="3153393781" sldId="5450"/>
            <ac:spMk id="19" creationId="{18FF18C1-5900-FCE2-9E50-8BB9A116846A}"/>
          </ac:spMkLst>
        </pc:spChg>
        <pc:spChg chg="add mod">
          <ac:chgData name="Luca Egoriti" userId="86980d32-e207-4caf-a8f6-6de1447eb40a" providerId="ADAL" clId="{E2D1C6CA-B12F-5FDF-832A-691E0E915A24}" dt="2026-06-23T08:14:24.603" v="1167" actId="14100"/>
          <ac:spMkLst>
            <pc:docMk/>
            <pc:sldMk cId="3153393781" sldId="5450"/>
            <ac:spMk id="21" creationId="{1A748C18-D581-C555-1C6F-3A99B2637894}"/>
          </ac:spMkLst>
        </pc:spChg>
        <pc:spChg chg="mod">
          <ac:chgData name="Luca Egoriti" userId="86980d32-e207-4caf-a8f6-6de1447eb40a" providerId="ADAL" clId="{E2D1C6CA-B12F-5FDF-832A-691E0E915A24}" dt="2026-06-23T09:14:25.180" v="2477" actId="1076"/>
          <ac:spMkLst>
            <pc:docMk/>
            <pc:sldMk cId="3153393781" sldId="5450"/>
            <ac:spMk id="22" creationId="{29315EB3-DD87-79DF-4A44-01CC7A07F5BD}"/>
          </ac:spMkLst>
        </pc:spChg>
        <pc:spChg chg="del mod">
          <ac:chgData name="Luca Egoriti" userId="86980d32-e207-4caf-a8f6-6de1447eb40a" providerId="ADAL" clId="{E2D1C6CA-B12F-5FDF-832A-691E0E915A24}" dt="2026-06-23T09:13:54.415" v="2471" actId="478"/>
          <ac:spMkLst>
            <pc:docMk/>
            <pc:sldMk cId="3153393781" sldId="5450"/>
            <ac:spMk id="23" creationId="{98CB728D-467D-AD2C-6634-FB6405FED519}"/>
          </ac:spMkLst>
        </pc:spChg>
        <pc:spChg chg="add mod">
          <ac:chgData name="Luca Egoriti" userId="86980d32-e207-4caf-a8f6-6de1447eb40a" providerId="ADAL" clId="{E2D1C6CA-B12F-5FDF-832A-691E0E915A24}" dt="2026-06-23T08:14:40.605" v="1171" actId="2085"/>
          <ac:spMkLst>
            <pc:docMk/>
            <pc:sldMk cId="3153393781" sldId="5450"/>
            <ac:spMk id="24" creationId="{3C10EB41-5E33-9329-DD48-80DE1ED3FEDD}"/>
          </ac:spMkLst>
        </pc:spChg>
        <pc:spChg chg="del mod">
          <ac:chgData name="Luca Egoriti" userId="86980d32-e207-4caf-a8f6-6de1447eb40a" providerId="ADAL" clId="{E2D1C6CA-B12F-5FDF-832A-691E0E915A24}" dt="2026-06-23T09:11:39.603" v="2446" actId="478"/>
          <ac:spMkLst>
            <pc:docMk/>
            <pc:sldMk cId="3153393781" sldId="5450"/>
            <ac:spMk id="27" creationId="{87346DA7-D8B4-D6E4-14D4-C462B5EB316C}"/>
          </ac:spMkLst>
        </pc:spChg>
        <pc:spChg chg="add del mod">
          <ac:chgData name="Luca Egoriti" userId="86980d32-e207-4caf-a8f6-6de1447eb40a" providerId="ADAL" clId="{E2D1C6CA-B12F-5FDF-832A-691E0E915A24}" dt="2026-06-23T09:12:39.860" v="2454" actId="478"/>
          <ac:spMkLst>
            <pc:docMk/>
            <pc:sldMk cId="3153393781" sldId="5450"/>
            <ac:spMk id="32" creationId="{00EDE55E-CB1A-AE17-CAFA-3DB651AD281B}"/>
          </ac:spMkLst>
        </pc:spChg>
        <pc:grpChg chg="del mod">
          <ac:chgData name="Luca Egoriti" userId="86980d32-e207-4caf-a8f6-6de1447eb40a" providerId="ADAL" clId="{E2D1C6CA-B12F-5FDF-832A-691E0E915A24}" dt="2026-06-22T21:48:13.970" v="1072" actId="165"/>
          <ac:grpSpMkLst>
            <pc:docMk/>
            <pc:sldMk cId="3153393781" sldId="5450"/>
            <ac:grpSpMk id="7" creationId="{857EC2CF-5794-1074-F99C-3C3388C5A5CC}"/>
          </ac:grpSpMkLst>
        </pc:grpChg>
        <pc:grpChg chg="del mod">
          <ac:chgData name="Luca Egoriti" userId="86980d32-e207-4caf-a8f6-6de1447eb40a" providerId="ADAL" clId="{E2D1C6CA-B12F-5FDF-832A-691E0E915A24}" dt="2026-06-23T09:12:59.624" v="2459" actId="165"/>
          <ac:grpSpMkLst>
            <pc:docMk/>
            <pc:sldMk cId="3153393781" sldId="5450"/>
            <ac:grpSpMk id="20" creationId="{91B4E7B4-5929-64B4-FE71-8CE87462A215}"/>
          </ac:grpSpMkLst>
        </pc:grpChg>
        <pc:grpChg chg="add mod topLvl">
          <ac:chgData name="Luca Egoriti" userId="86980d32-e207-4caf-a8f6-6de1447eb40a" providerId="ADAL" clId="{E2D1C6CA-B12F-5FDF-832A-691E0E915A24}" dt="2026-06-23T09:14:33.880" v="2485" actId="1038"/>
          <ac:grpSpMkLst>
            <pc:docMk/>
            <pc:sldMk cId="3153393781" sldId="5450"/>
            <ac:grpSpMk id="28" creationId="{3523841A-67CB-95C0-CFAD-B4EA5E2287CC}"/>
          </ac:grpSpMkLst>
        </pc:grpChg>
        <pc:grpChg chg="add del">
          <ac:chgData name="Luca Egoriti" userId="86980d32-e207-4caf-a8f6-6de1447eb40a" providerId="ADAL" clId="{E2D1C6CA-B12F-5FDF-832A-691E0E915A24}" dt="2026-06-23T08:16:15.068" v="1176" actId="165"/>
          <ac:grpSpMkLst>
            <pc:docMk/>
            <pc:sldMk cId="3153393781" sldId="5450"/>
            <ac:grpSpMk id="29" creationId="{8AD4450C-65DB-A27C-5914-4DFA7E301B7E}"/>
          </ac:grpSpMkLst>
        </pc:grpChg>
        <pc:grpChg chg="add del mod">
          <ac:chgData name="Luca Egoriti" userId="86980d32-e207-4caf-a8f6-6de1447eb40a" providerId="ADAL" clId="{E2D1C6CA-B12F-5FDF-832A-691E0E915A24}" dt="2026-06-23T09:14:05.790" v="2473" actId="165"/>
          <ac:grpSpMkLst>
            <pc:docMk/>
            <pc:sldMk cId="3153393781" sldId="5450"/>
            <ac:grpSpMk id="35" creationId="{06C91655-2EC7-D2D2-717D-1C664CC86A91}"/>
          </ac:grpSpMkLst>
        </pc:grpChg>
        <pc:picChg chg="add del mod modCrop">
          <ac:chgData name="Luca Egoriti" userId="86980d32-e207-4caf-a8f6-6de1447eb40a" providerId="ADAL" clId="{E2D1C6CA-B12F-5FDF-832A-691E0E915A24}" dt="2026-06-23T07:58:03.384" v="1084" actId="478"/>
          <ac:picMkLst>
            <pc:docMk/>
            <pc:sldMk cId="3153393781" sldId="5450"/>
            <ac:picMk id="6" creationId="{06B30A07-E162-AEFF-A2CC-4780F76FC2FF}"/>
          </ac:picMkLst>
        </pc:picChg>
        <pc:picChg chg="add del mod modCrop">
          <ac:chgData name="Luca Egoriti" userId="86980d32-e207-4caf-a8f6-6de1447eb40a" providerId="ADAL" clId="{E2D1C6CA-B12F-5FDF-832A-691E0E915A24}" dt="2026-06-23T08:01:18.985" v="1090" actId="478"/>
          <ac:picMkLst>
            <pc:docMk/>
            <pc:sldMk cId="3153393781" sldId="5450"/>
            <ac:picMk id="6" creationId="{9018706B-23E2-1F73-9BB8-92FF6EFC59F7}"/>
          </ac:picMkLst>
        </pc:picChg>
        <pc:picChg chg="add del mod topLvl modCrop">
          <ac:chgData name="Luca Egoriti" userId="86980d32-e207-4caf-a8f6-6de1447eb40a" providerId="ADAL" clId="{E2D1C6CA-B12F-5FDF-832A-691E0E915A24}" dt="2026-06-23T09:11:46.950" v="2449" actId="478"/>
          <ac:picMkLst>
            <pc:docMk/>
            <pc:sldMk cId="3153393781" sldId="5450"/>
            <ac:picMk id="7" creationId="{8D13185A-E27C-DF78-809D-3AFBD7141F21}"/>
          </ac:picMkLst>
        </pc:picChg>
        <pc:picChg chg="del mod topLvl modCrop">
          <ac:chgData name="Luca Egoriti" userId="86980d32-e207-4caf-a8f6-6de1447eb40a" providerId="ADAL" clId="{E2D1C6CA-B12F-5FDF-832A-691E0E915A24}" dt="2026-06-23T09:13:33.918" v="2468" actId="478"/>
          <ac:picMkLst>
            <pc:docMk/>
            <pc:sldMk cId="3153393781" sldId="5450"/>
            <ac:picMk id="8" creationId="{D733C6FB-38EC-9359-A386-BE76B84A84DB}"/>
          </ac:picMkLst>
        </pc:picChg>
        <pc:picChg chg="del mod topLvl">
          <ac:chgData name="Luca Egoriti" userId="86980d32-e207-4caf-a8f6-6de1447eb40a" providerId="ADAL" clId="{E2D1C6CA-B12F-5FDF-832A-691E0E915A24}" dt="2026-06-23T09:13:54.415" v="2471" actId="478"/>
          <ac:picMkLst>
            <pc:docMk/>
            <pc:sldMk cId="3153393781" sldId="5450"/>
            <ac:picMk id="10" creationId="{E568944B-FB48-2DAD-DBBB-B393AD794F54}"/>
          </ac:picMkLst>
        </pc:picChg>
        <pc:picChg chg="del mod topLvl">
          <ac:chgData name="Luca Egoriti" userId="86980d32-e207-4caf-a8f6-6de1447eb40a" providerId="ADAL" clId="{E2D1C6CA-B12F-5FDF-832A-691E0E915A24}" dt="2026-06-23T09:11:40.422" v="2447" actId="478"/>
          <ac:picMkLst>
            <pc:docMk/>
            <pc:sldMk cId="3153393781" sldId="5450"/>
            <ac:picMk id="12" creationId="{67E1D661-63D2-73EE-6756-6376A4698BEC}"/>
          </ac:picMkLst>
        </pc:picChg>
        <pc:picChg chg="del mod topLvl">
          <ac:chgData name="Luca Egoriti" userId="86980d32-e207-4caf-a8f6-6de1447eb40a" providerId="ADAL" clId="{E2D1C6CA-B12F-5FDF-832A-691E0E915A24}" dt="2026-06-23T09:11:36.856" v="2445" actId="478"/>
          <ac:picMkLst>
            <pc:docMk/>
            <pc:sldMk cId="3153393781" sldId="5450"/>
            <ac:picMk id="14" creationId="{441C29A9-1C21-AA38-BFC0-75D0E5AF9B35}"/>
          </ac:picMkLst>
        </pc:picChg>
        <pc:picChg chg="add del mod">
          <ac:chgData name="Luca Egoriti" userId="86980d32-e207-4caf-a8f6-6de1447eb40a" providerId="ADAL" clId="{E2D1C6CA-B12F-5FDF-832A-691E0E915A24}" dt="2026-06-23T08:11:31.493" v="1150" actId="478"/>
          <ac:picMkLst>
            <pc:docMk/>
            <pc:sldMk cId="3153393781" sldId="5450"/>
            <ac:picMk id="17" creationId="{82397D17-7911-9FF9-18EB-59CDCA296330}"/>
          </ac:picMkLst>
        </pc:picChg>
        <pc:picChg chg="del">
          <ac:chgData name="Luca Egoriti" userId="86980d32-e207-4caf-a8f6-6de1447eb40a" providerId="ADAL" clId="{E2D1C6CA-B12F-5FDF-832A-691E0E915A24}" dt="2026-06-22T21:49:24.548" v="1079" actId="478"/>
          <ac:picMkLst>
            <pc:docMk/>
            <pc:sldMk cId="3153393781" sldId="5450"/>
            <ac:picMk id="18" creationId="{A0D2787C-9A6C-EC57-875C-ED7FEDF05F46}"/>
          </ac:picMkLst>
        </pc:picChg>
        <pc:picChg chg="add mod topLvl">
          <ac:chgData name="Luca Egoriti" userId="86980d32-e207-4caf-a8f6-6de1447eb40a" providerId="ADAL" clId="{E2D1C6CA-B12F-5FDF-832A-691E0E915A24}" dt="2026-06-23T09:14:23.043" v="2476" actId="14100"/>
          <ac:picMkLst>
            <pc:docMk/>
            <pc:sldMk cId="3153393781" sldId="5450"/>
            <ac:picMk id="30" creationId="{3B97B9AB-62C3-404B-8880-B2ED87FC58CC}"/>
          </ac:picMkLst>
        </pc:picChg>
        <pc:cxnChg chg="del mod">
          <ac:chgData name="Luca Egoriti" userId="86980d32-e207-4caf-a8f6-6de1447eb40a" providerId="ADAL" clId="{E2D1C6CA-B12F-5FDF-832A-691E0E915A24}" dt="2026-06-23T09:13:55.490" v="2472" actId="478"/>
          <ac:cxnSpMkLst>
            <pc:docMk/>
            <pc:sldMk cId="3153393781" sldId="5450"/>
            <ac:cxnSpMk id="11" creationId="{734312BA-75F4-628A-DE4C-6CF23A548BA0}"/>
          </ac:cxnSpMkLst>
        </pc:cxnChg>
        <pc:cxnChg chg="del">
          <ac:chgData name="Luca Egoriti" userId="86980d32-e207-4caf-a8f6-6de1447eb40a" providerId="ADAL" clId="{E2D1C6CA-B12F-5FDF-832A-691E0E915A24}" dt="2026-06-23T09:13:54.415" v="2471" actId="478"/>
          <ac:cxnSpMkLst>
            <pc:docMk/>
            <pc:sldMk cId="3153393781" sldId="5450"/>
            <ac:cxnSpMk id="13" creationId="{271350AD-DCA3-985D-9564-E5F8E9A0A0F5}"/>
          </ac:cxnSpMkLst>
        </pc:cxnChg>
        <pc:cxnChg chg="mod topLvl">
          <ac:chgData name="Luca Egoriti" userId="86980d32-e207-4caf-a8f6-6de1447eb40a" providerId="ADAL" clId="{E2D1C6CA-B12F-5FDF-832A-691E0E915A24}" dt="2026-06-23T09:14:33.880" v="2485" actId="1038"/>
          <ac:cxnSpMkLst>
            <pc:docMk/>
            <pc:sldMk cId="3153393781" sldId="5450"/>
            <ac:cxnSpMk id="15" creationId="{0E7D4DC2-2B2C-E01B-70D6-C7E541A685D9}"/>
          </ac:cxnSpMkLst>
        </pc:cxnChg>
        <pc:cxnChg chg="add del mod">
          <ac:chgData name="Luca Egoriti" userId="86980d32-e207-4caf-a8f6-6de1447eb40a" providerId="ADAL" clId="{E2D1C6CA-B12F-5FDF-832A-691E0E915A24}" dt="2026-06-23T09:11:39.603" v="2446" actId="478"/>
          <ac:cxnSpMkLst>
            <pc:docMk/>
            <pc:sldMk cId="3153393781" sldId="5450"/>
            <ac:cxnSpMk id="18" creationId="{B2175CAC-F263-A882-BC2B-C20CB6B7C8FA}"/>
          </ac:cxnSpMkLst>
        </pc:cxnChg>
        <pc:cxnChg chg="del">
          <ac:chgData name="Luca Egoriti" userId="86980d32-e207-4caf-a8f6-6de1447eb40a" providerId="ADAL" clId="{E2D1C6CA-B12F-5FDF-832A-691E0E915A24}" dt="2026-06-23T09:11:39.603" v="2446" actId="478"/>
          <ac:cxnSpMkLst>
            <pc:docMk/>
            <pc:sldMk cId="3153393781" sldId="5450"/>
            <ac:cxnSpMk id="25" creationId="{3F0DE262-B3FB-75AE-C1D4-4CE0022C3A7C}"/>
          </ac:cxnSpMkLst>
        </pc:cxnChg>
        <pc:cxnChg chg="del">
          <ac:chgData name="Luca Egoriti" userId="86980d32-e207-4caf-a8f6-6de1447eb40a" providerId="ADAL" clId="{E2D1C6CA-B12F-5FDF-832A-691E0E915A24}" dt="2026-06-23T09:11:39.603" v="2446" actId="478"/>
          <ac:cxnSpMkLst>
            <pc:docMk/>
            <pc:sldMk cId="3153393781" sldId="5450"/>
            <ac:cxnSpMk id="26" creationId="{2F63FCFD-1412-0C40-A123-DB7D791D7DFB}"/>
          </ac:cxnSpMkLst>
        </pc:cxnChg>
      </pc:sldChg>
      <pc:sldChg chg="del">
        <pc:chgData name="Luca Egoriti" userId="86980d32-e207-4caf-a8f6-6de1447eb40a" providerId="ADAL" clId="{E2D1C6CA-B12F-5FDF-832A-691E0E915A24}" dt="2026-06-23T12:54:40.715" v="2507" actId="2696"/>
        <pc:sldMkLst>
          <pc:docMk/>
          <pc:sldMk cId="1650451564" sldId="5451"/>
        </pc:sldMkLst>
      </pc:sldChg>
      <pc:sldChg chg="modSp del mod">
        <pc:chgData name="Luca Egoriti" userId="86980d32-e207-4caf-a8f6-6de1447eb40a" providerId="ADAL" clId="{E2D1C6CA-B12F-5FDF-832A-691E0E915A24}" dt="2026-06-23T08:50:24.565" v="2312" actId="2696"/>
        <pc:sldMkLst>
          <pc:docMk/>
          <pc:sldMk cId="1247115318" sldId="5452"/>
        </pc:sldMkLst>
        <pc:spChg chg="mod">
          <ac:chgData name="Luca Egoriti" userId="86980d32-e207-4caf-a8f6-6de1447eb40a" providerId="ADAL" clId="{E2D1C6CA-B12F-5FDF-832A-691E0E915A24}" dt="2026-06-23T08:20:34.056" v="1246" actId="1076"/>
          <ac:spMkLst>
            <pc:docMk/>
            <pc:sldMk cId="1247115318" sldId="5452"/>
            <ac:spMk id="338" creationId="{316CABE1-32E5-F641-4D7B-B86ABF42394A}"/>
          </ac:spMkLst>
        </pc:spChg>
      </pc:sldChg>
      <pc:sldChg chg="addSp delSp modSp add mod">
        <pc:chgData name="Luca Egoriti" userId="86980d32-e207-4caf-a8f6-6de1447eb40a" providerId="ADAL" clId="{E2D1C6CA-B12F-5FDF-832A-691E0E915A24}" dt="2026-06-22T03:59:45.506" v="249" actId="1076"/>
        <pc:sldMkLst>
          <pc:docMk/>
          <pc:sldMk cId="2443378802" sldId="5453"/>
        </pc:sldMkLst>
        <pc:spChg chg="mod">
          <ac:chgData name="Luca Egoriti" userId="86980d32-e207-4caf-a8f6-6de1447eb40a" providerId="ADAL" clId="{E2D1C6CA-B12F-5FDF-832A-691E0E915A24}" dt="2026-06-22T03:49:28.523" v="53" actId="1076"/>
          <ac:spMkLst>
            <pc:docMk/>
            <pc:sldMk cId="2443378802" sldId="5453"/>
            <ac:spMk id="2" creationId="{8DDBA81B-4BBB-4A74-B0E2-E0CFFF160F64}"/>
          </ac:spMkLst>
        </pc:spChg>
        <pc:spChg chg="mod">
          <ac:chgData name="Luca Egoriti" userId="86980d32-e207-4caf-a8f6-6de1447eb40a" providerId="ADAL" clId="{E2D1C6CA-B12F-5FDF-832A-691E0E915A24}" dt="2026-06-22T03:59:45.506" v="249" actId="1076"/>
          <ac:spMkLst>
            <pc:docMk/>
            <pc:sldMk cId="2443378802" sldId="5453"/>
            <ac:spMk id="7" creationId="{9CC1D72D-3B50-49B9-AB1E-5E5D21A74630}"/>
          </ac:spMkLst>
        </pc:spChg>
        <pc:spChg chg="mod">
          <ac:chgData name="Luca Egoriti" userId="86980d32-e207-4caf-a8f6-6de1447eb40a" providerId="ADAL" clId="{E2D1C6CA-B12F-5FDF-832A-691E0E915A24}" dt="2026-06-22T03:59:45.506" v="249" actId="1076"/>
          <ac:spMkLst>
            <pc:docMk/>
            <pc:sldMk cId="2443378802" sldId="5453"/>
            <ac:spMk id="9" creationId="{8353DEB0-6822-4741-BC36-6B7D678A3D4B}"/>
          </ac:spMkLst>
        </pc:spChg>
        <pc:spChg chg="add mod">
          <ac:chgData name="Luca Egoriti" userId="86980d32-e207-4caf-a8f6-6de1447eb40a" providerId="ADAL" clId="{E2D1C6CA-B12F-5FDF-832A-691E0E915A24}" dt="2026-06-22T03:59:30.540" v="247" actId="20577"/>
          <ac:spMkLst>
            <pc:docMk/>
            <pc:sldMk cId="2443378802" sldId="5453"/>
            <ac:spMk id="10" creationId="{C4F74B87-4672-1FB0-3810-CFD56CF1604B}"/>
          </ac:spMkLst>
        </pc:spChg>
        <pc:spChg chg="mod">
          <ac:chgData name="Luca Egoriti" userId="86980d32-e207-4caf-a8f6-6de1447eb40a" providerId="ADAL" clId="{E2D1C6CA-B12F-5FDF-832A-691E0E915A24}" dt="2026-06-22T03:59:45.506" v="249" actId="1076"/>
          <ac:spMkLst>
            <pc:docMk/>
            <pc:sldMk cId="2443378802" sldId="5453"/>
            <ac:spMk id="11" creationId="{AA069473-E168-4312-84BB-02C8C07164C9}"/>
          </ac:spMkLst>
        </pc:spChg>
        <pc:spChg chg="add mod">
          <ac:chgData name="Luca Egoriti" userId="86980d32-e207-4caf-a8f6-6de1447eb40a" providerId="ADAL" clId="{E2D1C6CA-B12F-5FDF-832A-691E0E915A24}" dt="2026-06-22T03:59:33.666" v="248" actId="20577"/>
          <ac:spMkLst>
            <pc:docMk/>
            <pc:sldMk cId="2443378802" sldId="5453"/>
            <ac:spMk id="12" creationId="{95541146-A53B-9ADA-C07D-76295C20CC05}"/>
          </ac:spMkLst>
        </pc:spChg>
        <pc:spChg chg="del mod">
          <ac:chgData name="Luca Egoriti" userId="86980d32-e207-4caf-a8f6-6de1447eb40a" providerId="ADAL" clId="{E2D1C6CA-B12F-5FDF-832A-691E0E915A24}" dt="2026-06-22T03:58:43.279" v="196" actId="478"/>
          <ac:spMkLst>
            <pc:docMk/>
            <pc:sldMk cId="2443378802" sldId="5453"/>
            <ac:spMk id="13" creationId="{AC6EC321-2AC6-4CFD-9536-832B83F2BBE0}"/>
          </ac:spMkLst>
        </pc:spChg>
        <pc:picChg chg="mod">
          <ac:chgData name="Luca Egoriti" userId="86980d32-e207-4caf-a8f6-6de1447eb40a" providerId="ADAL" clId="{E2D1C6CA-B12F-5FDF-832A-691E0E915A24}" dt="2026-06-22T03:50:00.470" v="62" actId="1036"/>
          <ac:picMkLst>
            <pc:docMk/>
            <pc:sldMk cId="2443378802" sldId="5453"/>
            <ac:picMk id="6" creationId="{84403381-9B39-65F8-8369-5492FC4E3FF9}"/>
          </ac:picMkLst>
        </pc:picChg>
      </pc:sldChg>
      <pc:sldChg chg="add del ord">
        <pc:chgData name="Luca Egoriti" userId="86980d32-e207-4caf-a8f6-6de1447eb40a" providerId="ADAL" clId="{E2D1C6CA-B12F-5FDF-832A-691E0E915A24}" dt="2026-06-22T15:29:21.419" v="633" actId="2696"/>
        <pc:sldMkLst>
          <pc:docMk/>
          <pc:sldMk cId="685880714" sldId="5454"/>
        </pc:sldMkLst>
      </pc:sldChg>
      <pc:sldChg chg="addSp delSp modSp add mod ord delAnim modAnim">
        <pc:chgData name="Luca Egoriti" userId="86980d32-e207-4caf-a8f6-6de1447eb40a" providerId="ADAL" clId="{E2D1C6CA-B12F-5FDF-832A-691E0E915A24}" dt="2026-06-22T19:54:47.743" v="757" actId="20578"/>
        <pc:sldMkLst>
          <pc:docMk/>
          <pc:sldMk cId="3542976163" sldId="5455"/>
        </pc:sldMkLst>
        <pc:spChg chg="mod">
          <ac:chgData name="Luca Egoriti" userId="86980d32-e207-4caf-a8f6-6de1447eb40a" providerId="ADAL" clId="{E2D1C6CA-B12F-5FDF-832A-691E0E915A24}" dt="2026-06-22T19:51:38.301" v="721" actId="20577"/>
          <ac:spMkLst>
            <pc:docMk/>
            <pc:sldMk cId="3542976163" sldId="5455"/>
            <ac:spMk id="2" creationId="{FFC723F8-8B4A-C724-2659-58D085EDC239}"/>
          </ac:spMkLst>
        </pc:spChg>
        <pc:spChg chg="del">
          <ac:chgData name="Luca Egoriti" userId="86980d32-e207-4caf-a8f6-6de1447eb40a" providerId="ADAL" clId="{E2D1C6CA-B12F-5FDF-832A-691E0E915A24}" dt="2026-06-22T04:13:47.770" v="296" actId="478"/>
          <ac:spMkLst>
            <pc:docMk/>
            <pc:sldMk cId="3542976163" sldId="5455"/>
            <ac:spMk id="5" creationId="{A0D96B2C-9975-558D-C130-BA04D67E51D4}"/>
          </ac:spMkLst>
        </pc:spChg>
        <pc:spChg chg="del">
          <ac:chgData name="Luca Egoriti" userId="86980d32-e207-4caf-a8f6-6de1447eb40a" providerId="ADAL" clId="{E2D1C6CA-B12F-5FDF-832A-691E0E915A24}" dt="2026-06-22T04:13:54.527" v="298" actId="478"/>
          <ac:spMkLst>
            <pc:docMk/>
            <pc:sldMk cId="3542976163" sldId="5455"/>
            <ac:spMk id="14" creationId="{7FEAA36E-CD5F-81D7-F609-1C73AEDF27F9}"/>
          </ac:spMkLst>
        </pc:spChg>
        <pc:spChg chg="del">
          <ac:chgData name="Luca Egoriti" userId="86980d32-e207-4caf-a8f6-6de1447eb40a" providerId="ADAL" clId="{E2D1C6CA-B12F-5FDF-832A-691E0E915A24}" dt="2026-06-22T04:13:54.527" v="298" actId="478"/>
          <ac:spMkLst>
            <pc:docMk/>
            <pc:sldMk cId="3542976163" sldId="5455"/>
            <ac:spMk id="15" creationId="{8A4618FE-6443-B382-DC05-E6D428EA9E89}"/>
          </ac:spMkLst>
        </pc:spChg>
        <pc:spChg chg="del">
          <ac:chgData name="Luca Egoriti" userId="86980d32-e207-4caf-a8f6-6de1447eb40a" providerId="ADAL" clId="{E2D1C6CA-B12F-5FDF-832A-691E0E915A24}" dt="2026-06-22T04:13:47.770" v="296" actId="478"/>
          <ac:spMkLst>
            <pc:docMk/>
            <pc:sldMk cId="3542976163" sldId="5455"/>
            <ac:spMk id="16" creationId="{54CCF860-8862-8B7D-7495-60B4921EE3A9}"/>
          </ac:spMkLst>
        </pc:spChg>
        <pc:spChg chg="del">
          <ac:chgData name="Luca Egoriti" userId="86980d32-e207-4caf-a8f6-6de1447eb40a" providerId="ADAL" clId="{E2D1C6CA-B12F-5FDF-832A-691E0E915A24}" dt="2026-06-22T04:13:47.770" v="296" actId="478"/>
          <ac:spMkLst>
            <pc:docMk/>
            <pc:sldMk cId="3542976163" sldId="5455"/>
            <ac:spMk id="17" creationId="{CF881515-FD00-DA9B-00FB-419907ACEDD7}"/>
          </ac:spMkLst>
        </pc:spChg>
        <pc:spChg chg="del">
          <ac:chgData name="Luca Egoriti" userId="86980d32-e207-4caf-a8f6-6de1447eb40a" providerId="ADAL" clId="{E2D1C6CA-B12F-5FDF-832A-691E0E915A24}" dt="2026-06-22T04:13:51.673" v="297" actId="478"/>
          <ac:spMkLst>
            <pc:docMk/>
            <pc:sldMk cId="3542976163" sldId="5455"/>
            <ac:spMk id="18" creationId="{9BE299C7-1770-1225-B640-4C00871E0091}"/>
          </ac:spMkLst>
        </pc:spChg>
        <pc:spChg chg="del">
          <ac:chgData name="Luca Egoriti" userId="86980d32-e207-4caf-a8f6-6de1447eb40a" providerId="ADAL" clId="{E2D1C6CA-B12F-5FDF-832A-691E0E915A24}" dt="2026-06-22T04:13:54.527" v="298" actId="478"/>
          <ac:spMkLst>
            <pc:docMk/>
            <pc:sldMk cId="3542976163" sldId="5455"/>
            <ac:spMk id="25" creationId="{9BFFD03D-8159-AADE-FD43-DC9F5E364208}"/>
          </ac:spMkLst>
        </pc:spChg>
        <pc:spChg chg="del">
          <ac:chgData name="Luca Egoriti" userId="86980d32-e207-4caf-a8f6-6de1447eb40a" providerId="ADAL" clId="{E2D1C6CA-B12F-5FDF-832A-691E0E915A24}" dt="2026-06-22T04:13:32.363" v="294" actId="478"/>
          <ac:spMkLst>
            <pc:docMk/>
            <pc:sldMk cId="3542976163" sldId="5455"/>
            <ac:spMk id="36" creationId="{FA863B24-7A60-9565-64EB-A9EF77BD228B}"/>
          </ac:spMkLst>
        </pc:spChg>
        <pc:spChg chg="add del mod">
          <ac:chgData name="Luca Egoriti" userId="86980d32-e207-4caf-a8f6-6de1447eb40a" providerId="ADAL" clId="{E2D1C6CA-B12F-5FDF-832A-691E0E915A24}" dt="2026-06-22T04:14:08.088" v="305" actId="478"/>
          <ac:spMkLst>
            <pc:docMk/>
            <pc:sldMk cId="3542976163" sldId="5455"/>
            <ac:spMk id="38" creationId="{4EF91227-B74B-7002-D1E2-1DEA5D92291A}"/>
          </ac:spMkLst>
        </pc:spChg>
        <pc:spChg chg="del">
          <ac:chgData name="Luca Egoriti" userId="86980d32-e207-4caf-a8f6-6de1447eb40a" providerId="ADAL" clId="{E2D1C6CA-B12F-5FDF-832A-691E0E915A24}" dt="2026-06-22T04:13:47.770" v="296" actId="478"/>
          <ac:spMkLst>
            <pc:docMk/>
            <pc:sldMk cId="3542976163" sldId="5455"/>
            <ac:spMk id="45" creationId="{11E22959-33F9-D914-F1DC-28561D039E26}"/>
          </ac:spMkLst>
        </pc:spChg>
        <pc:spChg chg="del">
          <ac:chgData name="Luca Egoriti" userId="86980d32-e207-4caf-a8f6-6de1447eb40a" providerId="ADAL" clId="{E2D1C6CA-B12F-5FDF-832A-691E0E915A24}" dt="2026-06-22T04:13:47.770" v="296" actId="478"/>
          <ac:spMkLst>
            <pc:docMk/>
            <pc:sldMk cId="3542976163" sldId="5455"/>
            <ac:spMk id="46" creationId="{CAC196DB-7083-1FAB-8B92-CF7D61818F23}"/>
          </ac:spMkLst>
        </pc:spChg>
        <pc:spChg chg="del">
          <ac:chgData name="Luca Egoriti" userId="86980d32-e207-4caf-a8f6-6de1447eb40a" providerId="ADAL" clId="{E2D1C6CA-B12F-5FDF-832A-691E0E915A24}" dt="2026-06-22T04:13:47.770" v="296" actId="478"/>
          <ac:spMkLst>
            <pc:docMk/>
            <pc:sldMk cId="3542976163" sldId="5455"/>
            <ac:spMk id="47" creationId="{C92E8D7E-09BB-3570-6735-4E11C69DC49C}"/>
          </ac:spMkLst>
        </pc:spChg>
        <pc:spChg chg="del">
          <ac:chgData name="Luca Egoriti" userId="86980d32-e207-4caf-a8f6-6de1447eb40a" providerId="ADAL" clId="{E2D1C6CA-B12F-5FDF-832A-691E0E915A24}" dt="2026-06-22T04:13:47.770" v="296" actId="478"/>
          <ac:spMkLst>
            <pc:docMk/>
            <pc:sldMk cId="3542976163" sldId="5455"/>
            <ac:spMk id="48" creationId="{E54C5596-DCDA-1CD2-5FE4-37721EE643A6}"/>
          </ac:spMkLst>
        </pc:spChg>
        <pc:spChg chg="del">
          <ac:chgData name="Luca Egoriti" userId="86980d32-e207-4caf-a8f6-6de1447eb40a" providerId="ADAL" clId="{E2D1C6CA-B12F-5FDF-832A-691E0E915A24}" dt="2026-06-22T04:13:47.770" v="296" actId="478"/>
          <ac:spMkLst>
            <pc:docMk/>
            <pc:sldMk cId="3542976163" sldId="5455"/>
            <ac:spMk id="49" creationId="{A6C9C770-1257-A8FC-A916-03CAD57299A8}"/>
          </ac:spMkLst>
        </pc:spChg>
        <pc:spChg chg="add del mod">
          <ac:chgData name="Luca Egoriti" userId="86980d32-e207-4caf-a8f6-6de1447eb40a" providerId="ADAL" clId="{E2D1C6CA-B12F-5FDF-832A-691E0E915A24}" dt="2026-06-22T04:16:02.256" v="334" actId="478"/>
          <ac:spMkLst>
            <pc:docMk/>
            <pc:sldMk cId="3542976163" sldId="5455"/>
            <ac:spMk id="61" creationId="{02275F8D-1AD4-C7ED-76EB-A132598DCBF4}"/>
          </ac:spMkLst>
        </pc:spChg>
        <pc:spChg chg="del">
          <ac:chgData name="Luca Egoriti" userId="86980d32-e207-4caf-a8f6-6de1447eb40a" providerId="ADAL" clId="{E2D1C6CA-B12F-5FDF-832A-691E0E915A24}" dt="2026-06-22T04:13:47.770" v="296" actId="478"/>
          <ac:spMkLst>
            <pc:docMk/>
            <pc:sldMk cId="3542976163" sldId="5455"/>
            <ac:spMk id="76" creationId="{F9CAB8D6-1AB1-41DC-9A64-DC6E5932BE16}"/>
          </ac:spMkLst>
        </pc:spChg>
        <pc:spChg chg="del">
          <ac:chgData name="Luca Egoriti" userId="86980d32-e207-4caf-a8f6-6de1447eb40a" providerId="ADAL" clId="{E2D1C6CA-B12F-5FDF-832A-691E0E915A24}" dt="2026-06-22T04:13:58.693" v="300" actId="478"/>
          <ac:spMkLst>
            <pc:docMk/>
            <pc:sldMk cId="3542976163" sldId="5455"/>
            <ac:spMk id="81" creationId="{D7E3105D-D803-EB55-8A00-2A8A6F9456D3}"/>
          </ac:spMkLst>
        </pc:spChg>
        <pc:spChg chg="mod">
          <ac:chgData name="Luca Egoriti" userId="86980d32-e207-4caf-a8f6-6de1447eb40a" providerId="ADAL" clId="{E2D1C6CA-B12F-5FDF-832A-691E0E915A24}" dt="2026-06-22T04:15:50.741" v="331"/>
          <ac:spMkLst>
            <pc:docMk/>
            <pc:sldMk cId="3542976163" sldId="5455"/>
            <ac:spMk id="82" creationId="{FFCB8BDD-1792-FC48-16CD-A4C9F9F1120C}"/>
          </ac:spMkLst>
        </pc:spChg>
        <pc:spChg chg="mod">
          <ac:chgData name="Luca Egoriti" userId="86980d32-e207-4caf-a8f6-6de1447eb40a" providerId="ADAL" clId="{E2D1C6CA-B12F-5FDF-832A-691E0E915A24}" dt="2026-06-22T04:15:50.741" v="331"/>
          <ac:spMkLst>
            <pc:docMk/>
            <pc:sldMk cId="3542976163" sldId="5455"/>
            <ac:spMk id="85" creationId="{525A2AF7-AE28-E9D5-88C5-CE4923EF8010}"/>
          </ac:spMkLst>
        </pc:spChg>
        <pc:spChg chg="mod">
          <ac:chgData name="Luca Egoriti" userId="86980d32-e207-4caf-a8f6-6de1447eb40a" providerId="ADAL" clId="{E2D1C6CA-B12F-5FDF-832A-691E0E915A24}" dt="2026-06-22T04:15:50.741" v="331"/>
          <ac:spMkLst>
            <pc:docMk/>
            <pc:sldMk cId="3542976163" sldId="5455"/>
            <ac:spMk id="87" creationId="{A467F4C3-3517-7A4E-416F-905ADE1CBF8B}"/>
          </ac:spMkLst>
        </pc:spChg>
        <pc:spChg chg="mod">
          <ac:chgData name="Luca Egoriti" userId="86980d32-e207-4caf-a8f6-6de1447eb40a" providerId="ADAL" clId="{E2D1C6CA-B12F-5FDF-832A-691E0E915A24}" dt="2026-06-22T04:15:50.741" v="331"/>
          <ac:spMkLst>
            <pc:docMk/>
            <pc:sldMk cId="3542976163" sldId="5455"/>
            <ac:spMk id="89" creationId="{C8015ACA-1C5A-93F2-395F-083054D1F10A}"/>
          </ac:spMkLst>
        </pc:spChg>
        <pc:spChg chg="mod">
          <ac:chgData name="Luca Egoriti" userId="86980d32-e207-4caf-a8f6-6de1447eb40a" providerId="ADAL" clId="{E2D1C6CA-B12F-5FDF-832A-691E0E915A24}" dt="2026-06-22T04:15:50.741" v="331"/>
          <ac:spMkLst>
            <pc:docMk/>
            <pc:sldMk cId="3542976163" sldId="5455"/>
            <ac:spMk id="92" creationId="{F7CBF2E8-1AB0-5510-CC03-D4B976473F76}"/>
          </ac:spMkLst>
        </pc:spChg>
        <pc:spChg chg="mod">
          <ac:chgData name="Luca Egoriti" userId="86980d32-e207-4caf-a8f6-6de1447eb40a" providerId="ADAL" clId="{E2D1C6CA-B12F-5FDF-832A-691E0E915A24}" dt="2026-06-22T04:15:50.741" v="331"/>
          <ac:spMkLst>
            <pc:docMk/>
            <pc:sldMk cId="3542976163" sldId="5455"/>
            <ac:spMk id="95" creationId="{01828375-9367-1F5B-AEB4-9DC710B06886}"/>
          </ac:spMkLst>
        </pc:spChg>
        <pc:spChg chg="mod">
          <ac:chgData name="Luca Egoriti" userId="86980d32-e207-4caf-a8f6-6de1447eb40a" providerId="ADAL" clId="{E2D1C6CA-B12F-5FDF-832A-691E0E915A24}" dt="2026-06-22T04:15:50.741" v="331"/>
          <ac:spMkLst>
            <pc:docMk/>
            <pc:sldMk cId="3542976163" sldId="5455"/>
            <ac:spMk id="96" creationId="{C9487D39-7382-CCE6-564A-D8BA69D786D2}"/>
          </ac:spMkLst>
        </pc:spChg>
        <pc:spChg chg="mod">
          <ac:chgData name="Luca Egoriti" userId="86980d32-e207-4caf-a8f6-6de1447eb40a" providerId="ADAL" clId="{E2D1C6CA-B12F-5FDF-832A-691E0E915A24}" dt="2026-06-22T04:15:50.741" v="331"/>
          <ac:spMkLst>
            <pc:docMk/>
            <pc:sldMk cId="3542976163" sldId="5455"/>
            <ac:spMk id="99" creationId="{06129477-D596-FBD3-D285-D8280F8BA65A}"/>
          </ac:spMkLst>
        </pc:spChg>
        <pc:spChg chg="mod">
          <ac:chgData name="Luca Egoriti" userId="86980d32-e207-4caf-a8f6-6de1447eb40a" providerId="ADAL" clId="{E2D1C6CA-B12F-5FDF-832A-691E0E915A24}" dt="2026-06-22T04:15:50.741" v="331"/>
          <ac:spMkLst>
            <pc:docMk/>
            <pc:sldMk cId="3542976163" sldId="5455"/>
            <ac:spMk id="103" creationId="{24493463-BCBF-0D65-F4A9-66C638EA1146}"/>
          </ac:spMkLst>
        </pc:spChg>
        <pc:spChg chg="add del mod">
          <ac:chgData name="Luca Egoriti" userId="86980d32-e207-4caf-a8f6-6de1447eb40a" providerId="ADAL" clId="{E2D1C6CA-B12F-5FDF-832A-691E0E915A24}" dt="2026-06-22T04:33:10.996" v="525" actId="478"/>
          <ac:spMkLst>
            <pc:docMk/>
            <pc:sldMk cId="3542976163" sldId="5455"/>
            <ac:spMk id="105" creationId="{17D34E4D-2530-3DB1-1EFE-993FEA7A8C59}"/>
          </ac:spMkLst>
        </pc:spChg>
        <pc:spChg chg="add del">
          <ac:chgData name="Luca Egoriti" userId="86980d32-e207-4caf-a8f6-6de1447eb40a" providerId="ADAL" clId="{E2D1C6CA-B12F-5FDF-832A-691E0E915A24}" dt="2026-06-22T15:27:22.732" v="541" actId="478"/>
          <ac:spMkLst>
            <pc:docMk/>
            <pc:sldMk cId="3542976163" sldId="5455"/>
            <ac:spMk id="107" creationId="{CF9F7BBD-2FBD-8F4D-F740-6E966DDEB133}"/>
          </ac:spMkLst>
        </pc:spChg>
        <pc:spChg chg="add del mod">
          <ac:chgData name="Luca Egoriti" userId="86980d32-e207-4caf-a8f6-6de1447eb40a" providerId="ADAL" clId="{E2D1C6CA-B12F-5FDF-832A-691E0E915A24}" dt="2026-06-22T19:51:18.188" v="694" actId="478"/>
          <ac:spMkLst>
            <pc:docMk/>
            <pc:sldMk cId="3542976163" sldId="5455"/>
            <ac:spMk id="108" creationId="{5A0D9F22-63A3-E0AF-6CCB-48F9360F1F01}"/>
          </ac:spMkLst>
        </pc:spChg>
        <pc:spChg chg="add del mod">
          <ac:chgData name="Luca Egoriti" userId="86980d32-e207-4caf-a8f6-6de1447eb40a" providerId="ADAL" clId="{E2D1C6CA-B12F-5FDF-832A-691E0E915A24}" dt="2026-06-22T19:48:20.425" v="691" actId="478"/>
          <ac:spMkLst>
            <pc:docMk/>
            <pc:sldMk cId="3542976163" sldId="5455"/>
            <ac:spMk id="109" creationId="{FE5C7D61-98D9-CA39-0FDA-01414A5CEDF0}"/>
          </ac:spMkLst>
        </pc:spChg>
        <pc:spChg chg="add mod">
          <ac:chgData name="Luca Egoriti" userId="86980d32-e207-4caf-a8f6-6de1447eb40a" providerId="ADAL" clId="{E2D1C6CA-B12F-5FDF-832A-691E0E915A24}" dt="2026-06-22T19:54:38.945" v="755" actId="1076"/>
          <ac:spMkLst>
            <pc:docMk/>
            <pc:sldMk cId="3542976163" sldId="5455"/>
            <ac:spMk id="110" creationId="{78626D14-5A1D-5748-BFE8-902B4F70D584}"/>
          </ac:spMkLst>
        </pc:spChg>
        <pc:grpChg chg="del mod">
          <ac:chgData name="Luca Egoriti" userId="86980d32-e207-4caf-a8f6-6de1447eb40a" providerId="ADAL" clId="{E2D1C6CA-B12F-5FDF-832A-691E0E915A24}" dt="2026-06-22T04:17:07.944" v="344" actId="478"/>
          <ac:grpSpMkLst>
            <pc:docMk/>
            <pc:sldMk cId="3542976163" sldId="5455"/>
            <ac:grpSpMk id="78" creationId="{798A926B-44A5-C520-FCE5-CE192921E26D}"/>
          </ac:grpSpMkLst>
        </pc:grpChg>
        <pc:grpChg chg="del">
          <ac:chgData name="Luca Egoriti" userId="86980d32-e207-4caf-a8f6-6de1447eb40a" providerId="ADAL" clId="{E2D1C6CA-B12F-5FDF-832A-691E0E915A24}" dt="2026-06-22T04:13:40.381" v="295" actId="478"/>
          <ac:grpSpMkLst>
            <pc:docMk/>
            <pc:sldMk cId="3542976163" sldId="5455"/>
            <ac:grpSpMk id="80" creationId="{09DC9C0D-AFFF-FBAA-7597-59FA0ADA5EC8}"/>
          </ac:grpSpMkLst>
        </pc:grpChg>
        <pc:grpChg chg="del mod">
          <ac:chgData name="Luca Egoriti" userId="86980d32-e207-4caf-a8f6-6de1447eb40a" providerId="ADAL" clId="{E2D1C6CA-B12F-5FDF-832A-691E0E915A24}" dt="2026-06-22T04:17:07.944" v="344" actId="478"/>
          <ac:grpSpMkLst>
            <pc:docMk/>
            <pc:sldMk cId="3542976163" sldId="5455"/>
            <ac:grpSpMk id="86" creationId="{B2F232EC-0451-8F0A-8FFD-29955BEE386E}"/>
          </ac:grpSpMkLst>
        </pc:grpChg>
        <pc:grpChg chg="del mod">
          <ac:chgData name="Luca Egoriti" userId="86980d32-e207-4caf-a8f6-6de1447eb40a" providerId="ADAL" clId="{E2D1C6CA-B12F-5FDF-832A-691E0E915A24}" dt="2026-06-22T04:17:07.944" v="344" actId="478"/>
          <ac:grpSpMkLst>
            <pc:docMk/>
            <pc:sldMk cId="3542976163" sldId="5455"/>
            <ac:grpSpMk id="93" creationId="{DC8D187D-84AE-1A8E-F970-56457F012CAF}"/>
          </ac:grpSpMkLst>
        </pc:grpChg>
        <pc:cxnChg chg="del">
          <ac:chgData name="Luca Egoriti" userId="86980d32-e207-4caf-a8f6-6de1447eb40a" providerId="ADAL" clId="{E2D1C6CA-B12F-5FDF-832A-691E0E915A24}" dt="2026-06-22T04:14:00.612" v="302" actId="478"/>
          <ac:cxnSpMkLst>
            <pc:docMk/>
            <pc:sldMk cId="3542976163" sldId="5455"/>
            <ac:cxnSpMk id="8" creationId="{C8262BB1-E4FE-9937-5EB4-E0A511DE7FFD}"/>
          </ac:cxnSpMkLst>
        </pc:cxnChg>
        <pc:cxnChg chg="del">
          <ac:chgData name="Luca Egoriti" userId="86980d32-e207-4caf-a8f6-6de1447eb40a" providerId="ADAL" clId="{E2D1C6CA-B12F-5FDF-832A-691E0E915A24}" dt="2026-06-22T04:13:57.828" v="299" actId="478"/>
          <ac:cxnSpMkLst>
            <pc:docMk/>
            <pc:sldMk cId="3542976163" sldId="5455"/>
            <ac:cxnSpMk id="12" creationId="{8C6EABFA-BBE5-E5D4-EABC-AAA78B8AF606}"/>
          </ac:cxnSpMkLst>
        </pc:cxnChg>
        <pc:cxnChg chg="del">
          <ac:chgData name="Luca Egoriti" userId="86980d32-e207-4caf-a8f6-6de1447eb40a" providerId="ADAL" clId="{E2D1C6CA-B12F-5FDF-832A-691E0E915A24}" dt="2026-06-22T04:14:01.998" v="303" actId="478"/>
          <ac:cxnSpMkLst>
            <pc:docMk/>
            <pc:sldMk cId="3542976163" sldId="5455"/>
            <ac:cxnSpMk id="13" creationId="{3205F311-40ED-3451-5961-47AD4C089BE2}"/>
          </ac:cxnSpMkLst>
        </pc:cxnChg>
        <pc:cxnChg chg="del mod">
          <ac:chgData name="Luca Egoriti" userId="86980d32-e207-4caf-a8f6-6de1447eb40a" providerId="ADAL" clId="{E2D1C6CA-B12F-5FDF-832A-691E0E915A24}" dt="2026-06-22T04:13:59.646" v="301" actId="478"/>
          <ac:cxnSpMkLst>
            <pc:docMk/>
            <pc:sldMk cId="3542976163" sldId="5455"/>
            <ac:cxnSpMk id="28" creationId="{D29F8DD1-0F0C-EEBE-7245-CCF441B6E09B}"/>
          </ac:cxnSpMkLst>
        </pc:cxnChg>
        <pc:cxnChg chg="del">
          <ac:chgData name="Luca Egoriti" userId="86980d32-e207-4caf-a8f6-6de1447eb40a" providerId="ADAL" clId="{E2D1C6CA-B12F-5FDF-832A-691E0E915A24}" dt="2026-06-22T04:13:47.770" v="296" actId="478"/>
          <ac:cxnSpMkLst>
            <pc:docMk/>
            <pc:sldMk cId="3542976163" sldId="5455"/>
            <ac:cxnSpMk id="51" creationId="{75F45BA9-C059-972C-9B2A-8C1753A5FACD}"/>
          </ac:cxnSpMkLst>
        </pc:cxnChg>
        <pc:cxnChg chg="del mod">
          <ac:chgData name="Luca Egoriti" userId="86980d32-e207-4caf-a8f6-6de1447eb40a" providerId="ADAL" clId="{E2D1C6CA-B12F-5FDF-832A-691E0E915A24}" dt="2026-06-22T04:15:57.034" v="333" actId="478"/>
          <ac:cxnSpMkLst>
            <pc:docMk/>
            <pc:sldMk cId="3542976163" sldId="5455"/>
            <ac:cxnSpMk id="73" creationId="{099F528E-9979-AEEA-7696-27D6A4C8DE14}"/>
          </ac:cxnSpMkLst>
        </pc:cxnChg>
      </pc:sldChg>
      <pc:sldChg chg="addSp delSp modSp add mod ord delAnim modAnim">
        <pc:chgData name="Luca Egoriti" userId="86980d32-e207-4caf-a8f6-6de1447eb40a" providerId="ADAL" clId="{E2D1C6CA-B12F-5FDF-832A-691E0E915A24}" dt="2026-06-23T09:03:24.137" v="2420"/>
        <pc:sldMkLst>
          <pc:docMk/>
          <pc:sldMk cId="4148589962" sldId="5461"/>
        </pc:sldMkLst>
        <pc:picChg chg="add mod">
          <ac:chgData name="Luca Egoriti" userId="86980d32-e207-4caf-a8f6-6de1447eb40a" providerId="ADAL" clId="{E2D1C6CA-B12F-5FDF-832A-691E0E915A24}" dt="2026-06-22T04:25:59.405" v="400" actId="1076"/>
          <ac:picMkLst>
            <pc:docMk/>
            <pc:sldMk cId="4148589962" sldId="5461"/>
            <ac:picMk id="4" creationId="{C33581A6-F975-5EE1-21C9-2CC79CC7F4AD}"/>
          </ac:picMkLst>
        </pc:picChg>
        <pc:picChg chg="add del mod">
          <ac:chgData name="Luca Egoriti" userId="86980d32-e207-4caf-a8f6-6de1447eb40a" providerId="ADAL" clId="{E2D1C6CA-B12F-5FDF-832A-691E0E915A24}" dt="2026-06-22T04:25:42.614" v="397" actId="478"/>
          <ac:picMkLst>
            <pc:docMk/>
            <pc:sldMk cId="4148589962" sldId="5461"/>
            <ac:picMk id="6" creationId="{97E574D9-9EB6-84E3-8DE8-BFB06B9DB3BC}"/>
          </ac:picMkLst>
        </pc:picChg>
        <pc:picChg chg="add mod">
          <ac:chgData name="Luca Egoriti" userId="86980d32-e207-4caf-a8f6-6de1447eb40a" providerId="ADAL" clId="{E2D1C6CA-B12F-5FDF-832A-691E0E915A24}" dt="2026-06-22T04:26:09.343" v="403" actId="1076"/>
          <ac:picMkLst>
            <pc:docMk/>
            <pc:sldMk cId="4148589962" sldId="5461"/>
            <ac:picMk id="7" creationId="{DEBC74F8-5CEB-49A8-D3AF-0ECA74F34376}"/>
          </ac:picMkLst>
        </pc:picChg>
        <pc:picChg chg="add del mod">
          <ac:chgData name="Luca Egoriti" userId="86980d32-e207-4caf-a8f6-6de1447eb40a" providerId="ADAL" clId="{E2D1C6CA-B12F-5FDF-832A-691E0E915A24}" dt="2026-06-22T04:25:44.941" v="398" actId="478"/>
          <ac:picMkLst>
            <pc:docMk/>
            <pc:sldMk cId="4148589962" sldId="5461"/>
            <ac:picMk id="25" creationId="{34743DA3-CE38-9750-9F54-7F9A4554578C}"/>
          </ac:picMkLst>
        </pc:picChg>
        <pc:picChg chg="add del mod">
          <ac:chgData name="Luca Egoriti" userId="86980d32-e207-4caf-a8f6-6de1447eb40a" providerId="ADAL" clId="{E2D1C6CA-B12F-5FDF-832A-691E0E915A24}" dt="2026-06-22T04:25:38.182" v="396" actId="478"/>
          <ac:picMkLst>
            <pc:docMk/>
            <pc:sldMk cId="4148589962" sldId="5461"/>
            <ac:picMk id="26" creationId="{2985EE9B-923D-CB9E-C574-CB1569A22303}"/>
          </ac:picMkLst>
        </pc:picChg>
      </pc:sldChg>
      <pc:sldChg chg="modSp add mod ord">
        <pc:chgData name="Luca Egoriti" userId="86980d32-e207-4caf-a8f6-6de1447eb40a" providerId="ADAL" clId="{E2D1C6CA-B12F-5FDF-832A-691E0E915A24}" dt="2026-06-22T04:32:55.490" v="522" actId="20578"/>
        <pc:sldMkLst>
          <pc:docMk/>
          <pc:sldMk cId="2265104690" sldId="5462"/>
        </pc:sldMkLst>
        <pc:spChg chg="mod">
          <ac:chgData name="Luca Egoriti" userId="86980d32-e207-4caf-a8f6-6de1447eb40a" providerId="ADAL" clId="{E2D1C6CA-B12F-5FDF-832A-691E0E915A24}" dt="2026-06-22T04:20:32.308" v="363" actId="166"/>
          <ac:spMkLst>
            <pc:docMk/>
            <pc:sldMk cId="2265104690" sldId="5462"/>
            <ac:spMk id="31" creationId="{ECCD2677-3859-9C88-619D-635E7A8C021A}"/>
          </ac:spMkLst>
        </pc:spChg>
        <pc:picChg chg="mod">
          <ac:chgData name="Luca Egoriti" userId="86980d32-e207-4caf-a8f6-6de1447eb40a" providerId="ADAL" clId="{E2D1C6CA-B12F-5FDF-832A-691E0E915A24}" dt="2026-06-22T04:20:28.864" v="362" actId="14100"/>
          <ac:picMkLst>
            <pc:docMk/>
            <pc:sldMk cId="2265104690" sldId="5462"/>
            <ac:picMk id="19" creationId="{844545CC-13C7-605C-D84B-053E6DE3E1CB}"/>
          </ac:picMkLst>
        </pc:picChg>
        <pc:picChg chg="mod">
          <ac:chgData name="Luca Egoriti" userId="86980d32-e207-4caf-a8f6-6de1447eb40a" providerId="ADAL" clId="{E2D1C6CA-B12F-5FDF-832A-691E0E915A24}" dt="2026-06-22T04:20:42.245" v="364" actId="14100"/>
          <ac:picMkLst>
            <pc:docMk/>
            <pc:sldMk cId="2265104690" sldId="5462"/>
            <ac:picMk id="35" creationId="{BC2C7004-8D2E-9EB1-94FD-9DB4C80DC9B7}"/>
          </ac:picMkLst>
        </pc:picChg>
      </pc:sldChg>
      <pc:sldChg chg="delSp modSp add del mod ord delAnim">
        <pc:chgData name="Luca Egoriti" userId="86980d32-e207-4caf-a8f6-6de1447eb40a" providerId="ADAL" clId="{E2D1C6CA-B12F-5FDF-832A-691E0E915A24}" dt="2026-06-22T15:29:03.283" v="616" actId="2696"/>
        <pc:sldMkLst>
          <pc:docMk/>
          <pc:sldMk cId="249225380" sldId="5463"/>
        </pc:sldMkLst>
        <pc:spChg chg="mod">
          <ac:chgData name="Luca Egoriti" userId="86980d32-e207-4caf-a8f6-6de1447eb40a" providerId="ADAL" clId="{E2D1C6CA-B12F-5FDF-832A-691E0E915A24}" dt="2026-06-22T04:23:13.115" v="385" actId="20577"/>
          <ac:spMkLst>
            <pc:docMk/>
            <pc:sldMk cId="249225380" sldId="5463"/>
            <ac:spMk id="5" creationId="{61516CFF-DEF8-8994-2CFB-A487E3623DC5}"/>
          </ac:spMkLst>
        </pc:spChg>
        <pc:picChg chg="del">
          <ac:chgData name="Luca Egoriti" userId="86980d32-e207-4caf-a8f6-6de1447eb40a" providerId="ADAL" clId="{E2D1C6CA-B12F-5FDF-832A-691E0E915A24}" dt="2026-06-22T04:24:40.525" v="391" actId="21"/>
          <ac:picMkLst>
            <pc:docMk/>
            <pc:sldMk cId="249225380" sldId="5463"/>
            <ac:picMk id="28" creationId="{5ACBCB37-8FAC-A08E-16B4-B8A9667C7345}"/>
          </ac:picMkLst>
        </pc:picChg>
      </pc:sldChg>
      <pc:sldChg chg="addSp modSp add mod ord modAnim">
        <pc:chgData name="Luca Egoriti" userId="86980d32-e207-4caf-a8f6-6de1447eb40a" providerId="ADAL" clId="{E2D1C6CA-B12F-5FDF-832A-691E0E915A24}" dt="2026-06-23T13:33:59.796" v="2511"/>
        <pc:sldMkLst>
          <pc:docMk/>
          <pc:sldMk cId="432101071" sldId="5464"/>
        </pc:sldMkLst>
        <pc:spChg chg="add mod">
          <ac:chgData name="Luca Egoriti" userId="86980d32-e207-4caf-a8f6-6de1447eb40a" providerId="ADAL" clId="{E2D1C6CA-B12F-5FDF-832A-691E0E915A24}" dt="2026-06-22T15:28:59.509" v="615" actId="20577"/>
          <ac:spMkLst>
            <pc:docMk/>
            <pc:sldMk cId="432101071" sldId="5464"/>
            <ac:spMk id="5" creationId="{4AA7CE53-0022-34F4-5F41-6787844ADCB0}"/>
          </ac:spMkLst>
        </pc:spChg>
      </pc:sldChg>
      <pc:sldChg chg="addSp modSp add modAnim">
        <pc:chgData name="Luca Egoriti" userId="86980d32-e207-4caf-a8f6-6de1447eb40a" providerId="ADAL" clId="{E2D1C6CA-B12F-5FDF-832A-691E0E915A24}" dt="2026-06-23T13:34:04.075" v="2512"/>
        <pc:sldMkLst>
          <pc:docMk/>
          <pc:sldMk cId="2382278106" sldId="5465"/>
        </pc:sldMkLst>
        <pc:spChg chg="add mod">
          <ac:chgData name="Luca Egoriti" userId="86980d32-e207-4caf-a8f6-6de1447eb40a" providerId="ADAL" clId="{E2D1C6CA-B12F-5FDF-832A-691E0E915A24}" dt="2026-06-22T15:29:17.868" v="632" actId="20577"/>
          <ac:spMkLst>
            <pc:docMk/>
            <pc:sldMk cId="2382278106" sldId="5465"/>
            <ac:spMk id="5" creationId="{9EC35C93-D4B2-E440-C243-23D40873572A}"/>
          </ac:spMkLst>
        </pc:spChg>
      </pc:sldChg>
      <pc:sldChg chg="add del">
        <pc:chgData name="Luca Egoriti" userId="86980d32-e207-4caf-a8f6-6de1447eb40a" providerId="ADAL" clId="{E2D1C6CA-B12F-5FDF-832A-691E0E915A24}" dt="2026-06-22T19:54:44.449" v="756" actId="2696"/>
        <pc:sldMkLst>
          <pc:docMk/>
          <pc:sldMk cId="1907104578" sldId="5490"/>
        </pc:sldMkLst>
      </pc:sldChg>
      <pc:sldChg chg="modSp add modAnim">
        <pc:chgData name="Luca Egoriti" userId="86980d32-e207-4caf-a8f6-6de1447eb40a" providerId="ADAL" clId="{E2D1C6CA-B12F-5FDF-832A-691E0E915A24}" dt="2026-06-23T09:00:04.727" v="2415"/>
        <pc:sldMkLst>
          <pc:docMk/>
          <pc:sldMk cId="2497225485" sldId="5491"/>
        </pc:sldMkLst>
        <pc:spChg chg="mod">
          <ac:chgData name="Luca Egoriti" userId="86980d32-e207-4caf-a8f6-6de1447eb40a" providerId="ADAL" clId="{E2D1C6CA-B12F-5FDF-832A-691E0E915A24}" dt="2026-06-23T09:00:04.727" v="2415"/>
          <ac:spMkLst>
            <pc:docMk/>
            <pc:sldMk cId="2497225485" sldId="5491"/>
            <ac:spMk id="2" creationId="{CD13A406-4D7D-6259-D069-1F35C9FA2B96}"/>
          </ac:spMkLst>
        </pc:spChg>
      </pc:sldChg>
      <pc:sldChg chg="addSp delSp modSp add mod modAnim">
        <pc:chgData name="Luca Egoriti" userId="86980d32-e207-4caf-a8f6-6de1447eb40a" providerId="ADAL" clId="{E2D1C6CA-B12F-5FDF-832A-691E0E915A24}" dt="2026-06-22T20:07:26.264" v="1051" actId="207"/>
        <pc:sldMkLst>
          <pc:docMk/>
          <pc:sldMk cId="4259194010" sldId="5492"/>
        </pc:sldMkLst>
        <pc:spChg chg="mod">
          <ac:chgData name="Luca Egoriti" userId="86980d32-e207-4caf-a8f6-6de1447eb40a" providerId="ADAL" clId="{E2D1C6CA-B12F-5FDF-832A-691E0E915A24}" dt="2026-06-22T19:56:19.182" v="775" actId="20577"/>
          <ac:spMkLst>
            <pc:docMk/>
            <pc:sldMk cId="4259194010" sldId="5492"/>
            <ac:spMk id="2" creationId="{CE9C11B7-AF6C-8362-A2CD-64440280C4A5}"/>
          </ac:spMkLst>
        </pc:spChg>
        <pc:spChg chg="add mod">
          <ac:chgData name="Luca Egoriti" userId="86980d32-e207-4caf-a8f6-6de1447eb40a" providerId="ADAL" clId="{E2D1C6CA-B12F-5FDF-832A-691E0E915A24}" dt="2026-06-22T20:00:24.464" v="850" actId="1076"/>
          <ac:spMkLst>
            <pc:docMk/>
            <pc:sldMk cId="4259194010" sldId="5492"/>
            <ac:spMk id="5" creationId="{ECB2E4C2-A6AB-6A86-A7B0-AD72DF128321}"/>
          </ac:spMkLst>
        </pc:spChg>
        <pc:spChg chg="add mod">
          <ac:chgData name="Luca Egoriti" userId="86980d32-e207-4caf-a8f6-6de1447eb40a" providerId="ADAL" clId="{E2D1C6CA-B12F-5FDF-832A-691E0E915A24}" dt="2026-06-22T20:07:26.264" v="1051" actId="207"/>
          <ac:spMkLst>
            <pc:docMk/>
            <pc:sldMk cId="4259194010" sldId="5492"/>
            <ac:spMk id="8" creationId="{2DA3664D-B009-30E9-91A1-29F057AB43EC}"/>
          </ac:spMkLst>
        </pc:spChg>
        <pc:spChg chg="add mod">
          <ac:chgData name="Luca Egoriti" userId="86980d32-e207-4caf-a8f6-6de1447eb40a" providerId="ADAL" clId="{E2D1C6CA-B12F-5FDF-832A-691E0E915A24}" dt="2026-06-22T20:07:26.264" v="1051" actId="207"/>
          <ac:spMkLst>
            <pc:docMk/>
            <pc:sldMk cId="4259194010" sldId="5492"/>
            <ac:spMk id="12" creationId="{367B1813-8D1B-9254-C533-6EE7AD256613}"/>
          </ac:spMkLst>
        </pc:spChg>
        <pc:spChg chg="del">
          <ac:chgData name="Luca Egoriti" userId="86980d32-e207-4caf-a8f6-6de1447eb40a" providerId="ADAL" clId="{E2D1C6CA-B12F-5FDF-832A-691E0E915A24}" dt="2026-06-22T19:55:56.766" v="760" actId="478"/>
          <ac:spMkLst>
            <pc:docMk/>
            <pc:sldMk cId="4259194010" sldId="5492"/>
            <ac:spMk id="110" creationId="{962F27FD-60D3-A8B5-B8FD-B43671D16C0C}"/>
          </ac:spMkLst>
        </pc:spChg>
      </pc:sldChg>
      <pc:sldChg chg="addSp delSp modSp add mod modAnim">
        <pc:chgData name="Luca Egoriti" userId="86980d32-e207-4caf-a8f6-6de1447eb40a" providerId="ADAL" clId="{E2D1C6CA-B12F-5FDF-832A-691E0E915A24}" dt="2026-06-23T09:16:27.911" v="2506" actId="1038"/>
        <pc:sldMkLst>
          <pc:docMk/>
          <pc:sldMk cId="1605898677" sldId="5493"/>
        </pc:sldMkLst>
        <pc:spChg chg="add del mod">
          <ac:chgData name="Luca Egoriti" userId="86980d32-e207-4caf-a8f6-6de1447eb40a" providerId="ADAL" clId="{E2D1C6CA-B12F-5FDF-832A-691E0E915A24}" dt="2026-06-23T08:33:41.041" v="1799" actId="478"/>
          <ac:spMkLst>
            <pc:docMk/>
            <pc:sldMk cId="1605898677" sldId="5493"/>
            <ac:spMk id="21" creationId="{75B939FC-DC04-61B7-87A8-C573CE020A2A}"/>
          </ac:spMkLst>
        </pc:spChg>
        <pc:spChg chg="add del mod">
          <ac:chgData name="Luca Egoriti" userId="86980d32-e207-4caf-a8f6-6de1447eb40a" providerId="ADAL" clId="{E2D1C6CA-B12F-5FDF-832A-691E0E915A24}" dt="2026-06-23T08:33:41.041" v="1799" actId="478"/>
          <ac:spMkLst>
            <pc:docMk/>
            <pc:sldMk cId="1605898677" sldId="5493"/>
            <ac:spMk id="22" creationId="{D44E8770-3222-95AC-C787-2EE5FA0687F3}"/>
          </ac:spMkLst>
        </pc:spChg>
        <pc:spChg chg="add mod">
          <ac:chgData name="Luca Egoriti" userId="86980d32-e207-4caf-a8f6-6de1447eb40a" providerId="ADAL" clId="{E2D1C6CA-B12F-5FDF-832A-691E0E915A24}" dt="2026-06-23T08:22:14.223" v="1315" actId="1037"/>
          <ac:spMkLst>
            <pc:docMk/>
            <pc:sldMk cId="1605898677" sldId="5493"/>
            <ac:spMk id="23" creationId="{14A86BDF-AB1D-BE6F-E186-29CAC853152D}"/>
          </ac:spMkLst>
        </pc:spChg>
        <pc:spChg chg="add mod">
          <ac:chgData name="Luca Egoriti" userId="86980d32-e207-4caf-a8f6-6de1447eb40a" providerId="ADAL" clId="{E2D1C6CA-B12F-5FDF-832A-691E0E915A24}" dt="2026-06-23T08:22:14.223" v="1315" actId="1037"/>
          <ac:spMkLst>
            <pc:docMk/>
            <pc:sldMk cId="1605898677" sldId="5493"/>
            <ac:spMk id="24" creationId="{A2D453F8-0AFF-056E-81FB-F23A73A7DB2F}"/>
          </ac:spMkLst>
        </pc:spChg>
        <pc:spChg chg="add del mod">
          <ac:chgData name="Luca Egoriti" userId="86980d32-e207-4caf-a8f6-6de1447eb40a" providerId="ADAL" clId="{E2D1C6CA-B12F-5FDF-832A-691E0E915A24}" dt="2026-06-23T08:33:41.041" v="1799" actId="478"/>
          <ac:spMkLst>
            <pc:docMk/>
            <pc:sldMk cId="1605898677" sldId="5493"/>
            <ac:spMk id="29" creationId="{56E1565B-8B74-B408-86DA-F14ECF601A11}"/>
          </ac:spMkLst>
        </pc:spChg>
        <pc:spChg chg="del">
          <ac:chgData name="Luca Egoriti" userId="86980d32-e207-4caf-a8f6-6de1447eb40a" providerId="ADAL" clId="{E2D1C6CA-B12F-5FDF-832A-691E0E915A24}" dt="2026-06-23T08:24:29.381" v="1346" actId="478"/>
          <ac:spMkLst>
            <pc:docMk/>
            <pc:sldMk cId="1605898677" sldId="5493"/>
            <ac:spMk id="33" creationId="{0F0E3EA3-8E91-9365-2805-7121FCA22904}"/>
          </ac:spMkLst>
        </pc:spChg>
        <pc:spChg chg="del mod">
          <ac:chgData name="Luca Egoriti" userId="86980d32-e207-4caf-a8f6-6de1447eb40a" providerId="ADAL" clId="{E2D1C6CA-B12F-5FDF-832A-691E0E915A24}" dt="2026-06-23T08:42:50.805" v="2265" actId="478"/>
          <ac:spMkLst>
            <pc:docMk/>
            <pc:sldMk cId="1605898677" sldId="5493"/>
            <ac:spMk id="34" creationId="{B5B3825D-4743-0E82-00D8-FE3D211B2C17}"/>
          </ac:spMkLst>
        </pc:spChg>
        <pc:spChg chg="del">
          <ac:chgData name="Luca Egoriti" userId="86980d32-e207-4caf-a8f6-6de1447eb40a" providerId="ADAL" clId="{E2D1C6CA-B12F-5FDF-832A-691E0E915A24}" dt="2026-06-23T08:24:29.381" v="1346" actId="478"/>
          <ac:spMkLst>
            <pc:docMk/>
            <pc:sldMk cId="1605898677" sldId="5493"/>
            <ac:spMk id="35" creationId="{2E66E39E-8EB5-9B02-48AE-F409E8288A12}"/>
          </ac:spMkLst>
        </pc:spChg>
        <pc:spChg chg="add del mod">
          <ac:chgData name="Luca Egoriti" userId="86980d32-e207-4caf-a8f6-6de1447eb40a" providerId="ADAL" clId="{E2D1C6CA-B12F-5FDF-832A-691E0E915A24}" dt="2026-06-23T08:24:29.381" v="1346" actId="478"/>
          <ac:spMkLst>
            <pc:docMk/>
            <pc:sldMk cId="1605898677" sldId="5493"/>
            <ac:spMk id="36" creationId="{6067FBE0-C2E8-C34C-4783-CFEC2DF12951}"/>
          </ac:spMkLst>
        </pc:spChg>
        <pc:spChg chg="add del mod">
          <ac:chgData name="Luca Egoriti" userId="86980d32-e207-4caf-a8f6-6de1447eb40a" providerId="ADAL" clId="{E2D1C6CA-B12F-5FDF-832A-691E0E915A24}" dt="2026-06-23T08:24:29.381" v="1346" actId="478"/>
          <ac:spMkLst>
            <pc:docMk/>
            <pc:sldMk cId="1605898677" sldId="5493"/>
            <ac:spMk id="37" creationId="{AF0E099D-3762-AC98-E48D-64F73CC71349}"/>
          </ac:spMkLst>
        </pc:spChg>
        <pc:spChg chg="del">
          <ac:chgData name="Luca Egoriti" userId="86980d32-e207-4caf-a8f6-6de1447eb40a" providerId="ADAL" clId="{E2D1C6CA-B12F-5FDF-832A-691E0E915A24}" dt="2026-06-23T08:24:29.381" v="1346" actId="478"/>
          <ac:spMkLst>
            <pc:docMk/>
            <pc:sldMk cId="1605898677" sldId="5493"/>
            <ac:spMk id="38" creationId="{B0C50A21-FFA2-D84A-E90B-B8E7A3773CFC}"/>
          </ac:spMkLst>
        </pc:spChg>
        <pc:spChg chg="add del mod">
          <ac:chgData name="Luca Egoriti" userId="86980d32-e207-4caf-a8f6-6de1447eb40a" providerId="ADAL" clId="{E2D1C6CA-B12F-5FDF-832A-691E0E915A24}" dt="2026-06-23T08:24:29.381" v="1346" actId="478"/>
          <ac:spMkLst>
            <pc:docMk/>
            <pc:sldMk cId="1605898677" sldId="5493"/>
            <ac:spMk id="39" creationId="{574FDBCB-1BD3-A160-F016-6F56E2D6B97B}"/>
          </ac:spMkLst>
        </pc:spChg>
        <pc:spChg chg="add del mod">
          <ac:chgData name="Luca Egoriti" userId="86980d32-e207-4caf-a8f6-6de1447eb40a" providerId="ADAL" clId="{E2D1C6CA-B12F-5FDF-832A-691E0E915A24}" dt="2026-06-23T08:24:29.381" v="1346" actId="478"/>
          <ac:spMkLst>
            <pc:docMk/>
            <pc:sldMk cId="1605898677" sldId="5493"/>
            <ac:spMk id="40" creationId="{DA5CBA15-F5B1-DA8A-09F1-0A811D026D0F}"/>
          </ac:spMkLst>
        </pc:spChg>
        <pc:spChg chg="del">
          <ac:chgData name="Luca Egoriti" userId="86980d32-e207-4caf-a8f6-6de1447eb40a" providerId="ADAL" clId="{E2D1C6CA-B12F-5FDF-832A-691E0E915A24}" dt="2026-06-23T08:24:29.381" v="1346" actId="478"/>
          <ac:spMkLst>
            <pc:docMk/>
            <pc:sldMk cId="1605898677" sldId="5493"/>
            <ac:spMk id="41" creationId="{834592A0-866F-9E08-8E2A-C62711C52405}"/>
          </ac:spMkLst>
        </pc:spChg>
        <pc:spChg chg="add del mod">
          <ac:chgData name="Luca Egoriti" userId="86980d32-e207-4caf-a8f6-6de1447eb40a" providerId="ADAL" clId="{E2D1C6CA-B12F-5FDF-832A-691E0E915A24}" dt="2026-06-23T08:42:50.805" v="2265" actId="478"/>
          <ac:spMkLst>
            <pc:docMk/>
            <pc:sldMk cId="1605898677" sldId="5493"/>
            <ac:spMk id="42" creationId="{343CA1F3-F0DE-4FC7-F57D-A83245272702}"/>
          </ac:spMkLst>
        </pc:spChg>
        <pc:spChg chg="mod">
          <ac:chgData name="Luca Egoriti" userId="86980d32-e207-4caf-a8f6-6de1447eb40a" providerId="ADAL" clId="{E2D1C6CA-B12F-5FDF-832A-691E0E915A24}" dt="2026-06-23T08:38:02.072" v="1996" actId="1076"/>
          <ac:spMkLst>
            <pc:docMk/>
            <pc:sldMk cId="1605898677" sldId="5493"/>
            <ac:spMk id="43" creationId="{26B6FCBE-9BBA-CBA2-0F37-C66E770AC57F}"/>
          </ac:spMkLst>
        </pc:spChg>
        <pc:spChg chg="del">
          <ac:chgData name="Luca Egoriti" userId="86980d32-e207-4caf-a8f6-6de1447eb40a" providerId="ADAL" clId="{E2D1C6CA-B12F-5FDF-832A-691E0E915A24}" dt="2026-06-23T08:42:50.805" v="2265" actId="478"/>
          <ac:spMkLst>
            <pc:docMk/>
            <pc:sldMk cId="1605898677" sldId="5493"/>
            <ac:spMk id="44" creationId="{48295979-1CFD-113E-F0D4-5D1F3385AFC0}"/>
          </ac:spMkLst>
        </pc:spChg>
        <pc:spChg chg="add del mod">
          <ac:chgData name="Luca Egoriti" userId="86980d32-e207-4caf-a8f6-6de1447eb40a" providerId="ADAL" clId="{E2D1C6CA-B12F-5FDF-832A-691E0E915A24}" dt="2026-06-23T08:42:50.805" v="2265" actId="478"/>
          <ac:spMkLst>
            <pc:docMk/>
            <pc:sldMk cId="1605898677" sldId="5493"/>
            <ac:spMk id="45" creationId="{107A6DBD-4050-D173-9ABB-31BCBC63D928}"/>
          </ac:spMkLst>
        </pc:spChg>
        <pc:spChg chg="mod">
          <ac:chgData name="Luca Egoriti" userId="86980d32-e207-4caf-a8f6-6de1447eb40a" providerId="ADAL" clId="{E2D1C6CA-B12F-5FDF-832A-691E0E915A24}" dt="2026-06-23T08:37:26.067" v="1964" actId="1038"/>
          <ac:spMkLst>
            <pc:docMk/>
            <pc:sldMk cId="1605898677" sldId="5493"/>
            <ac:spMk id="46" creationId="{1736F02F-E185-8BEE-745B-40F1EDA06DEB}"/>
          </ac:spMkLst>
        </pc:spChg>
        <pc:spChg chg="mod">
          <ac:chgData name="Luca Egoriti" userId="86980d32-e207-4caf-a8f6-6de1447eb40a" providerId="ADAL" clId="{E2D1C6CA-B12F-5FDF-832A-691E0E915A24}" dt="2026-06-23T08:37:18.880" v="1956" actId="1037"/>
          <ac:spMkLst>
            <pc:docMk/>
            <pc:sldMk cId="1605898677" sldId="5493"/>
            <ac:spMk id="47" creationId="{D12CF1A6-EF79-C223-6ADA-739069283DF4}"/>
          </ac:spMkLst>
        </pc:spChg>
        <pc:spChg chg="add del mod">
          <ac:chgData name="Luca Egoriti" userId="86980d32-e207-4caf-a8f6-6de1447eb40a" providerId="ADAL" clId="{E2D1C6CA-B12F-5FDF-832A-691E0E915A24}" dt="2026-06-23T08:42:50.805" v="2265" actId="478"/>
          <ac:spMkLst>
            <pc:docMk/>
            <pc:sldMk cId="1605898677" sldId="5493"/>
            <ac:spMk id="48" creationId="{34E483BD-4B14-4832-6838-5CA7C8A0D6B6}"/>
          </ac:spMkLst>
        </pc:spChg>
        <pc:spChg chg="mod">
          <ac:chgData name="Luca Egoriti" userId="86980d32-e207-4caf-a8f6-6de1447eb40a" providerId="ADAL" clId="{E2D1C6CA-B12F-5FDF-832A-691E0E915A24}" dt="2026-06-23T08:42:43.963" v="2264" actId="20577"/>
          <ac:spMkLst>
            <pc:docMk/>
            <pc:sldMk cId="1605898677" sldId="5493"/>
            <ac:spMk id="49" creationId="{2CFBB99B-E7F9-4C2E-ABB9-D028C2C19F26}"/>
          </ac:spMkLst>
        </pc:spChg>
        <pc:spChg chg="mod">
          <ac:chgData name="Luca Egoriti" userId="86980d32-e207-4caf-a8f6-6de1447eb40a" providerId="ADAL" clId="{E2D1C6CA-B12F-5FDF-832A-691E0E915A24}" dt="2026-06-23T08:37:26.067" v="1964" actId="1038"/>
          <ac:spMkLst>
            <pc:docMk/>
            <pc:sldMk cId="1605898677" sldId="5493"/>
            <ac:spMk id="50" creationId="{D02372AF-4FA2-DD70-48B7-3A27A6191D22}"/>
          </ac:spMkLst>
        </pc:spChg>
        <pc:spChg chg="del mod">
          <ac:chgData name="Luca Egoriti" userId="86980d32-e207-4caf-a8f6-6de1447eb40a" providerId="ADAL" clId="{E2D1C6CA-B12F-5FDF-832A-691E0E915A24}" dt="2026-06-23T08:27:51.076" v="1374" actId="478"/>
          <ac:spMkLst>
            <pc:docMk/>
            <pc:sldMk cId="1605898677" sldId="5493"/>
            <ac:spMk id="51" creationId="{83154D4C-5EA9-DFB0-EC7A-FE6219006FFE}"/>
          </ac:spMkLst>
        </pc:spChg>
        <pc:spChg chg="add del mod">
          <ac:chgData name="Luca Egoriti" userId="86980d32-e207-4caf-a8f6-6de1447eb40a" providerId="ADAL" clId="{E2D1C6CA-B12F-5FDF-832A-691E0E915A24}" dt="2026-06-23T08:42:50.805" v="2265" actId="478"/>
          <ac:spMkLst>
            <pc:docMk/>
            <pc:sldMk cId="1605898677" sldId="5493"/>
            <ac:spMk id="52" creationId="{3975FE2D-3CEC-E388-3DB5-E8BF3E566E8A}"/>
          </ac:spMkLst>
        </pc:spChg>
        <pc:spChg chg="add del mod">
          <ac:chgData name="Luca Egoriti" userId="86980d32-e207-4caf-a8f6-6de1447eb40a" providerId="ADAL" clId="{E2D1C6CA-B12F-5FDF-832A-691E0E915A24}" dt="2026-06-23T08:42:50.805" v="2265" actId="478"/>
          <ac:spMkLst>
            <pc:docMk/>
            <pc:sldMk cId="1605898677" sldId="5493"/>
            <ac:spMk id="53" creationId="{38AD7F59-AD4A-2760-C3B9-337DE1E60CC7}"/>
          </ac:spMkLst>
        </pc:spChg>
        <pc:spChg chg="add del mod">
          <ac:chgData name="Luca Egoriti" userId="86980d32-e207-4caf-a8f6-6de1447eb40a" providerId="ADAL" clId="{E2D1C6CA-B12F-5FDF-832A-691E0E915A24}" dt="2026-06-23T08:42:50.805" v="2265" actId="478"/>
          <ac:spMkLst>
            <pc:docMk/>
            <pc:sldMk cId="1605898677" sldId="5493"/>
            <ac:spMk id="54" creationId="{98199FB3-66EE-242F-F755-FDD11119F15B}"/>
          </ac:spMkLst>
        </pc:spChg>
        <pc:spChg chg="add mod">
          <ac:chgData name="Luca Egoriti" userId="86980d32-e207-4caf-a8f6-6de1447eb40a" providerId="ADAL" clId="{E2D1C6CA-B12F-5FDF-832A-691E0E915A24}" dt="2026-06-23T08:37:18.880" v="1956" actId="1037"/>
          <ac:spMkLst>
            <pc:docMk/>
            <pc:sldMk cId="1605898677" sldId="5493"/>
            <ac:spMk id="55" creationId="{7C7C72CD-A4E9-CBEC-9599-0D1F7A1A6B47}"/>
          </ac:spMkLst>
        </pc:spChg>
        <pc:spChg chg="add mod">
          <ac:chgData name="Luca Egoriti" userId="86980d32-e207-4caf-a8f6-6de1447eb40a" providerId="ADAL" clId="{E2D1C6CA-B12F-5FDF-832A-691E0E915A24}" dt="2026-06-23T08:38:02.072" v="1996" actId="1076"/>
          <ac:spMkLst>
            <pc:docMk/>
            <pc:sldMk cId="1605898677" sldId="5493"/>
            <ac:spMk id="56" creationId="{10A79D1F-4DEB-665D-0BC0-F76561E99CB1}"/>
          </ac:spMkLst>
        </pc:spChg>
        <pc:spChg chg="add mod">
          <ac:chgData name="Luca Egoriti" userId="86980d32-e207-4caf-a8f6-6de1447eb40a" providerId="ADAL" clId="{E2D1C6CA-B12F-5FDF-832A-691E0E915A24}" dt="2026-06-23T08:36:53.088" v="1899" actId="1038"/>
          <ac:spMkLst>
            <pc:docMk/>
            <pc:sldMk cId="1605898677" sldId="5493"/>
            <ac:spMk id="57" creationId="{1E12DBE5-4A79-B5D1-47CC-CF55DA9B1705}"/>
          </ac:spMkLst>
        </pc:spChg>
        <pc:spChg chg="add mod">
          <ac:chgData name="Luca Egoriti" userId="86980d32-e207-4caf-a8f6-6de1447eb40a" providerId="ADAL" clId="{E2D1C6CA-B12F-5FDF-832A-691E0E915A24}" dt="2026-06-23T08:37:09.721" v="1929" actId="14100"/>
          <ac:spMkLst>
            <pc:docMk/>
            <pc:sldMk cId="1605898677" sldId="5493"/>
            <ac:spMk id="58" creationId="{80E3BAFA-D974-15B0-ED62-21D57CA1A04E}"/>
          </ac:spMkLst>
        </pc:spChg>
        <pc:spChg chg="add mod">
          <ac:chgData name="Luca Egoriti" userId="86980d32-e207-4caf-a8f6-6de1447eb40a" providerId="ADAL" clId="{E2D1C6CA-B12F-5FDF-832A-691E0E915A24}" dt="2026-06-23T08:32:35.196" v="1720" actId="571"/>
          <ac:spMkLst>
            <pc:docMk/>
            <pc:sldMk cId="1605898677" sldId="5493"/>
            <ac:spMk id="59" creationId="{0C34CA5E-59C0-CDCD-9D03-375F004EBA5D}"/>
          </ac:spMkLst>
        </pc:spChg>
        <pc:spChg chg="add mod">
          <ac:chgData name="Luca Egoriti" userId="86980d32-e207-4caf-a8f6-6de1447eb40a" providerId="ADAL" clId="{E2D1C6CA-B12F-5FDF-832A-691E0E915A24}" dt="2026-06-23T08:32:35.196" v="1720" actId="571"/>
          <ac:spMkLst>
            <pc:docMk/>
            <pc:sldMk cId="1605898677" sldId="5493"/>
            <ac:spMk id="60" creationId="{AB7135DB-09F0-75D4-7CD4-B73B22AB759A}"/>
          </ac:spMkLst>
        </pc:spChg>
        <pc:spChg chg="add mod">
          <ac:chgData name="Luca Egoriti" userId="86980d32-e207-4caf-a8f6-6de1447eb40a" providerId="ADAL" clId="{E2D1C6CA-B12F-5FDF-832A-691E0E915A24}" dt="2026-06-23T08:32:35.196" v="1720" actId="571"/>
          <ac:spMkLst>
            <pc:docMk/>
            <pc:sldMk cId="1605898677" sldId="5493"/>
            <ac:spMk id="61" creationId="{40D1D8C6-1D04-B69B-9344-6052FEBBB2B6}"/>
          </ac:spMkLst>
        </pc:spChg>
        <pc:spChg chg="add mod">
          <ac:chgData name="Luca Egoriti" userId="86980d32-e207-4caf-a8f6-6de1447eb40a" providerId="ADAL" clId="{E2D1C6CA-B12F-5FDF-832A-691E0E915A24}" dt="2026-06-23T08:32:35.196" v="1720" actId="571"/>
          <ac:spMkLst>
            <pc:docMk/>
            <pc:sldMk cId="1605898677" sldId="5493"/>
            <ac:spMk id="62" creationId="{0E120C45-0272-63FA-BF5B-CFCD207E36C0}"/>
          </ac:spMkLst>
        </pc:spChg>
        <pc:spChg chg="add mod">
          <ac:chgData name="Luca Egoriti" userId="86980d32-e207-4caf-a8f6-6de1447eb40a" providerId="ADAL" clId="{E2D1C6CA-B12F-5FDF-832A-691E0E915A24}" dt="2026-06-23T08:35:53.245" v="1845" actId="20577"/>
          <ac:spMkLst>
            <pc:docMk/>
            <pc:sldMk cId="1605898677" sldId="5493"/>
            <ac:spMk id="131" creationId="{E8999B4B-176B-1160-F858-DC0EC1F9F250}"/>
          </ac:spMkLst>
        </pc:spChg>
        <pc:spChg chg="add mod">
          <ac:chgData name="Luca Egoriti" userId="86980d32-e207-4caf-a8f6-6de1447eb40a" providerId="ADAL" clId="{E2D1C6CA-B12F-5FDF-832A-691E0E915A24}" dt="2026-06-23T08:34:11.153" v="1801" actId="1076"/>
          <ac:spMkLst>
            <pc:docMk/>
            <pc:sldMk cId="1605898677" sldId="5493"/>
            <ac:spMk id="133" creationId="{42D0E48D-BC65-2AF1-CDD8-0BB5D83589BB}"/>
          </ac:spMkLst>
        </pc:spChg>
        <pc:spChg chg="add mod">
          <ac:chgData name="Luca Egoriti" userId="86980d32-e207-4caf-a8f6-6de1447eb40a" providerId="ADAL" clId="{E2D1C6CA-B12F-5FDF-832A-691E0E915A24}" dt="2026-06-23T08:35:00.604" v="1826" actId="1037"/>
          <ac:spMkLst>
            <pc:docMk/>
            <pc:sldMk cId="1605898677" sldId="5493"/>
            <ac:spMk id="134" creationId="{2DC80082-9A2F-3055-C811-58C036A1F70C}"/>
          </ac:spMkLst>
        </pc:spChg>
        <pc:spChg chg="add mod">
          <ac:chgData name="Luca Egoriti" userId="86980d32-e207-4caf-a8f6-6de1447eb40a" providerId="ADAL" clId="{E2D1C6CA-B12F-5FDF-832A-691E0E915A24}" dt="2026-06-23T08:35:00.604" v="1826" actId="1037"/>
          <ac:spMkLst>
            <pc:docMk/>
            <pc:sldMk cId="1605898677" sldId="5493"/>
            <ac:spMk id="135" creationId="{E2B6E68B-7477-27B5-6F52-61E32B327759}"/>
          </ac:spMkLst>
        </pc:spChg>
        <pc:spChg chg="add mod">
          <ac:chgData name="Luca Egoriti" userId="86980d32-e207-4caf-a8f6-6de1447eb40a" providerId="ADAL" clId="{E2D1C6CA-B12F-5FDF-832A-691E0E915A24}" dt="2026-06-23T08:34:11.153" v="1801" actId="1076"/>
          <ac:spMkLst>
            <pc:docMk/>
            <pc:sldMk cId="1605898677" sldId="5493"/>
            <ac:spMk id="136" creationId="{4DBFDF4D-28E7-F16C-7D13-66CD4F0405B4}"/>
          </ac:spMkLst>
        </pc:spChg>
        <pc:spChg chg="add mod">
          <ac:chgData name="Luca Egoriti" userId="86980d32-e207-4caf-a8f6-6de1447eb40a" providerId="ADAL" clId="{E2D1C6CA-B12F-5FDF-832A-691E0E915A24}" dt="2026-06-23T08:35:45.561" v="1843" actId="20577"/>
          <ac:spMkLst>
            <pc:docMk/>
            <pc:sldMk cId="1605898677" sldId="5493"/>
            <ac:spMk id="141" creationId="{7CC0F0E8-D385-B967-D4E4-2B8E645C7D52}"/>
          </ac:spMkLst>
        </pc:spChg>
        <pc:spChg chg="add mod">
          <ac:chgData name="Luca Egoriti" userId="86980d32-e207-4caf-a8f6-6de1447eb40a" providerId="ADAL" clId="{E2D1C6CA-B12F-5FDF-832A-691E0E915A24}" dt="2026-06-23T08:34:29.180" v="1802" actId="571"/>
          <ac:spMkLst>
            <pc:docMk/>
            <pc:sldMk cId="1605898677" sldId="5493"/>
            <ac:spMk id="143" creationId="{9086AFC6-E8B7-F807-E9A2-EF0CCCAD5924}"/>
          </ac:spMkLst>
        </pc:spChg>
        <pc:spChg chg="add mod">
          <ac:chgData name="Luca Egoriti" userId="86980d32-e207-4caf-a8f6-6de1447eb40a" providerId="ADAL" clId="{E2D1C6CA-B12F-5FDF-832A-691E0E915A24}" dt="2026-06-23T08:34:29.180" v="1802" actId="571"/>
          <ac:spMkLst>
            <pc:docMk/>
            <pc:sldMk cId="1605898677" sldId="5493"/>
            <ac:spMk id="144" creationId="{90848B63-8B10-A5FA-EB1D-08BA281406AF}"/>
          </ac:spMkLst>
        </pc:spChg>
        <pc:spChg chg="add mod">
          <ac:chgData name="Luca Egoriti" userId="86980d32-e207-4caf-a8f6-6de1447eb40a" providerId="ADAL" clId="{E2D1C6CA-B12F-5FDF-832A-691E0E915A24}" dt="2026-06-23T08:35:00.604" v="1826" actId="1037"/>
          <ac:spMkLst>
            <pc:docMk/>
            <pc:sldMk cId="1605898677" sldId="5493"/>
            <ac:spMk id="145" creationId="{303EFDC7-F297-FA89-8A54-80D51E3018D6}"/>
          </ac:spMkLst>
        </pc:spChg>
        <pc:spChg chg="add mod">
          <ac:chgData name="Luca Egoriti" userId="86980d32-e207-4caf-a8f6-6de1447eb40a" providerId="ADAL" clId="{E2D1C6CA-B12F-5FDF-832A-691E0E915A24}" dt="2026-06-23T08:35:00.604" v="1826" actId="1037"/>
          <ac:spMkLst>
            <pc:docMk/>
            <pc:sldMk cId="1605898677" sldId="5493"/>
            <ac:spMk id="146" creationId="{6E7452AF-FE29-EFAC-99D6-ACCF6F561CAC}"/>
          </ac:spMkLst>
        </pc:spChg>
        <pc:spChg chg="del">
          <ac:chgData name="Luca Egoriti" userId="86980d32-e207-4caf-a8f6-6de1447eb40a" providerId="ADAL" clId="{E2D1C6CA-B12F-5FDF-832A-691E0E915A24}" dt="2026-06-23T08:19:47.064" v="1240" actId="478"/>
          <ac:spMkLst>
            <pc:docMk/>
            <pc:sldMk cId="1605898677" sldId="5493"/>
            <ac:spMk id="152" creationId="{03C5234E-A876-94D9-356C-A381004144DB}"/>
          </ac:spMkLst>
        </pc:spChg>
        <pc:spChg chg="del">
          <ac:chgData name="Luca Egoriti" userId="86980d32-e207-4caf-a8f6-6de1447eb40a" providerId="ADAL" clId="{E2D1C6CA-B12F-5FDF-832A-691E0E915A24}" dt="2026-06-23T08:19:14.653" v="1229" actId="478"/>
          <ac:spMkLst>
            <pc:docMk/>
            <pc:sldMk cId="1605898677" sldId="5493"/>
            <ac:spMk id="153" creationId="{0693D404-E3F9-C6B7-720C-964D47DFCB00}"/>
          </ac:spMkLst>
        </pc:spChg>
        <pc:spChg chg="del">
          <ac:chgData name="Luca Egoriti" userId="86980d32-e207-4caf-a8f6-6de1447eb40a" providerId="ADAL" clId="{E2D1C6CA-B12F-5FDF-832A-691E0E915A24}" dt="2026-06-23T08:19:16.072" v="1230" actId="478"/>
          <ac:spMkLst>
            <pc:docMk/>
            <pc:sldMk cId="1605898677" sldId="5493"/>
            <ac:spMk id="155" creationId="{6604CED2-D0B1-FB95-732A-C07EDDD2AC24}"/>
          </ac:spMkLst>
        </pc:spChg>
        <pc:spChg chg="del">
          <ac:chgData name="Luca Egoriti" userId="86980d32-e207-4caf-a8f6-6de1447eb40a" providerId="ADAL" clId="{E2D1C6CA-B12F-5FDF-832A-691E0E915A24}" dt="2026-06-23T08:19:16.484" v="1231" actId="478"/>
          <ac:spMkLst>
            <pc:docMk/>
            <pc:sldMk cId="1605898677" sldId="5493"/>
            <ac:spMk id="156" creationId="{6DC28E2E-D2EF-DDC6-B4A1-966F0CDA6895}"/>
          </ac:spMkLst>
        </pc:spChg>
        <pc:spChg chg="del">
          <ac:chgData name="Luca Egoriti" userId="86980d32-e207-4caf-a8f6-6de1447eb40a" providerId="ADAL" clId="{E2D1C6CA-B12F-5FDF-832A-691E0E915A24}" dt="2026-06-23T08:19:17.737" v="1232" actId="478"/>
          <ac:spMkLst>
            <pc:docMk/>
            <pc:sldMk cId="1605898677" sldId="5493"/>
            <ac:spMk id="157" creationId="{024CA28E-766F-3A84-8895-ED5146EDFFFE}"/>
          </ac:spMkLst>
        </pc:spChg>
        <pc:spChg chg="del">
          <ac:chgData name="Luca Egoriti" userId="86980d32-e207-4caf-a8f6-6de1447eb40a" providerId="ADAL" clId="{E2D1C6CA-B12F-5FDF-832A-691E0E915A24}" dt="2026-06-23T08:19:18.256" v="1233" actId="478"/>
          <ac:spMkLst>
            <pc:docMk/>
            <pc:sldMk cId="1605898677" sldId="5493"/>
            <ac:spMk id="158" creationId="{EA408374-AC89-B7AF-2CAD-1B33A322964B}"/>
          </ac:spMkLst>
        </pc:spChg>
        <pc:spChg chg="add mod">
          <ac:chgData name="Luca Egoriti" userId="86980d32-e207-4caf-a8f6-6de1447eb40a" providerId="ADAL" clId="{E2D1C6CA-B12F-5FDF-832A-691E0E915A24}" dt="2026-06-23T08:35:28.603" v="1832" actId="571"/>
          <ac:spMkLst>
            <pc:docMk/>
            <pc:sldMk cId="1605898677" sldId="5493"/>
            <ac:spMk id="159" creationId="{984BBC16-4CF6-B82D-A872-E06D88FA6FA3}"/>
          </ac:spMkLst>
        </pc:spChg>
        <pc:spChg chg="del">
          <ac:chgData name="Luca Egoriti" userId="86980d32-e207-4caf-a8f6-6de1447eb40a" providerId="ADAL" clId="{E2D1C6CA-B12F-5FDF-832A-691E0E915A24}" dt="2026-06-23T08:19:18.812" v="1234" actId="478"/>
          <ac:spMkLst>
            <pc:docMk/>
            <pc:sldMk cId="1605898677" sldId="5493"/>
            <ac:spMk id="160" creationId="{C9C78330-4D2D-CA8B-6960-892887EFE71D}"/>
          </ac:spMkLst>
        </pc:spChg>
        <pc:spChg chg="add mod">
          <ac:chgData name="Luca Egoriti" userId="86980d32-e207-4caf-a8f6-6de1447eb40a" providerId="ADAL" clId="{E2D1C6CA-B12F-5FDF-832A-691E0E915A24}" dt="2026-06-23T08:35:28.603" v="1832" actId="571"/>
          <ac:spMkLst>
            <pc:docMk/>
            <pc:sldMk cId="1605898677" sldId="5493"/>
            <ac:spMk id="163" creationId="{14019376-0C4C-314E-9F27-20AD2D1335A0}"/>
          </ac:spMkLst>
        </pc:spChg>
        <pc:spChg chg="add mod">
          <ac:chgData name="Luca Egoriti" userId="86980d32-e207-4caf-a8f6-6de1447eb40a" providerId="ADAL" clId="{E2D1C6CA-B12F-5FDF-832A-691E0E915A24}" dt="2026-06-23T08:35:28.603" v="1832" actId="571"/>
          <ac:spMkLst>
            <pc:docMk/>
            <pc:sldMk cId="1605898677" sldId="5493"/>
            <ac:spMk id="166" creationId="{0561F7E2-C04D-8EEF-849F-1299F4FB416A}"/>
          </ac:spMkLst>
        </pc:spChg>
        <pc:spChg chg="add del mod">
          <ac:chgData name="Luca Egoriti" userId="86980d32-e207-4caf-a8f6-6de1447eb40a" providerId="ADAL" clId="{E2D1C6CA-B12F-5FDF-832A-691E0E915A24}" dt="2026-06-23T08:36:15.026" v="1848" actId="14100"/>
          <ac:spMkLst>
            <pc:docMk/>
            <pc:sldMk cId="1605898677" sldId="5493"/>
            <ac:spMk id="167" creationId="{588B3E16-17EC-4962-F35A-A4FC49D99C5D}"/>
          </ac:spMkLst>
        </pc:spChg>
        <pc:spChg chg="del">
          <ac:chgData name="Luca Egoriti" userId="86980d32-e207-4caf-a8f6-6de1447eb40a" providerId="ADAL" clId="{E2D1C6CA-B12F-5FDF-832A-691E0E915A24}" dt="2026-06-23T08:19:12.183" v="1227" actId="478"/>
          <ac:spMkLst>
            <pc:docMk/>
            <pc:sldMk cId="1605898677" sldId="5493"/>
            <ac:spMk id="168" creationId="{5D838C35-027B-32BF-2BA9-6261CCF25191}"/>
          </ac:spMkLst>
        </pc:spChg>
        <pc:spChg chg="del">
          <ac:chgData name="Luca Egoriti" userId="86980d32-e207-4caf-a8f6-6de1447eb40a" providerId="ADAL" clId="{E2D1C6CA-B12F-5FDF-832A-691E0E915A24}" dt="2026-06-23T08:19:26.061" v="1239" actId="478"/>
          <ac:spMkLst>
            <pc:docMk/>
            <pc:sldMk cId="1605898677" sldId="5493"/>
            <ac:spMk id="169" creationId="{E4D5973C-D97F-3C14-251A-8A464FA774B4}"/>
          </ac:spMkLst>
        </pc:spChg>
        <pc:spChg chg="del">
          <ac:chgData name="Luca Egoriti" userId="86980d32-e207-4caf-a8f6-6de1447eb40a" providerId="ADAL" clId="{E2D1C6CA-B12F-5FDF-832A-691E0E915A24}" dt="2026-06-23T08:19:13.014" v="1228" actId="478"/>
          <ac:spMkLst>
            <pc:docMk/>
            <pc:sldMk cId="1605898677" sldId="5493"/>
            <ac:spMk id="170" creationId="{D7AA4780-315C-0748-F6C2-ABD03973D1FB}"/>
          </ac:spMkLst>
        </pc:spChg>
        <pc:spChg chg="add mod">
          <ac:chgData name="Luca Egoriti" userId="86980d32-e207-4caf-a8f6-6de1447eb40a" providerId="ADAL" clId="{E2D1C6CA-B12F-5FDF-832A-691E0E915A24}" dt="2026-06-23T08:35:28.603" v="1832" actId="571"/>
          <ac:spMkLst>
            <pc:docMk/>
            <pc:sldMk cId="1605898677" sldId="5493"/>
            <ac:spMk id="171" creationId="{A6A9C6FC-E9F1-11FB-CC48-D68358FA0884}"/>
          </ac:spMkLst>
        </pc:spChg>
        <pc:spChg chg="add mod">
          <ac:chgData name="Luca Egoriti" userId="86980d32-e207-4caf-a8f6-6de1447eb40a" providerId="ADAL" clId="{E2D1C6CA-B12F-5FDF-832A-691E0E915A24}" dt="2026-06-23T08:35:28.603" v="1832" actId="571"/>
          <ac:spMkLst>
            <pc:docMk/>
            <pc:sldMk cId="1605898677" sldId="5493"/>
            <ac:spMk id="172" creationId="{527A04F9-3F3C-42DF-C55D-3E5923E9D6FD}"/>
          </ac:spMkLst>
        </pc:spChg>
        <pc:spChg chg="add del mod">
          <ac:chgData name="Luca Egoriti" userId="86980d32-e207-4caf-a8f6-6de1447eb40a" providerId="ADAL" clId="{E2D1C6CA-B12F-5FDF-832A-691E0E915A24}" dt="2026-06-23T08:36:10.536" v="1847" actId="14100"/>
          <ac:spMkLst>
            <pc:docMk/>
            <pc:sldMk cId="1605898677" sldId="5493"/>
            <ac:spMk id="177" creationId="{11B4CCBB-E834-7F00-EF79-A7EE1C498F8D}"/>
          </ac:spMkLst>
        </pc:spChg>
        <pc:spChg chg="del">
          <ac:chgData name="Luca Egoriti" userId="86980d32-e207-4caf-a8f6-6de1447eb40a" providerId="ADAL" clId="{E2D1C6CA-B12F-5FDF-832A-691E0E915A24}" dt="2026-06-23T08:19:24.676" v="1238" actId="478"/>
          <ac:spMkLst>
            <pc:docMk/>
            <pc:sldMk cId="1605898677" sldId="5493"/>
            <ac:spMk id="179" creationId="{C99F88C0-F726-B6BC-0D51-4E71C0B1C7A7}"/>
          </ac:spMkLst>
        </pc:spChg>
        <pc:spChg chg="add mod">
          <ac:chgData name="Luca Egoriti" userId="86980d32-e207-4caf-a8f6-6de1447eb40a" providerId="ADAL" clId="{E2D1C6CA-B12F-5FDF-832A-691E0E915A24}" dt="2026-06-23T08:35:42.355" v="1841" actId="20577"/>
          <ac:spMkLst>
            <pc:docMk/>
            <pc:sldMk cId="1605898677" sldId="5493"/>
            <ac:spMk id="181" creationId="{3B181C9C-2DD0-72FB-CD0A-EE05E142813F}"/>
          </ac:spMkLst>
        </pc:spChg>
        <pc:spChg chg="add mod">
          <ac:chgData name="Luca Egoriti" userId="86980d32-e207-4caf-a8f6-6de1447eb40a" providerId="ADAL" clId="{E2D1C6CA-B12F-5FDF-832A-691E0E915A24}" dt="2026-06-23T08:35:35.181" v="1833" actId="571"/>
          <ac:spMkLst>
            <pc:docMk/>
            <pc:sldMk cId="1605898677" sldId="5493"/>
            <ac:spMk id="183" creationId="{3EFE9F6B-B38E-7BBC-5D31-B6ADB3CF85E4}"/>
          </ac:spMkLst>
        </pc:spChg>
        <pc:spChg chg="add mod">
          <ac:chgData name="Luca Egoriti" userId="86980d32-e207-4caf-a8f6-6de1447eb40a" providerId="ADAL" clId="{E2D1C6CA-B12F-5FDF-832A-691E0E915A24}" dt="2026-06-23T08:35:35.181" v="1833" actId="571"/>
          <ac:spMkLst>
            <pc:docMk/>
            <pc:sldMk cId="1605898677" sldId="5493"/>
            <ac:spMk id="184" creationId="{A44737F8-0CCC-6EBE-130A-A4F25A93FDC3}"/>
          </ac:spMkLst>
        </pc:spChg>
        <pc:spChg chg="add del mod">
          <ac:chgData name="Luca Egoriti" userId="86980d32-e207-4caf-a8f6-6de1447eb40a" providerId="ADAL" clId="{E2D1C6CA-B12F-5FDF-832A-691E0E915A24}" dt="2026-06-23T08:36:03.770" v="1846" actId="478"/>
          <ac:spMkLst>
            <pc:docMk/>
            <pc:sldMk cId="1605898677" sldId="5493"/>
            <ac:spMk id="185" creationId="{2B9B75B7-3584-3BB0-304C-FFDDBF5EDA93}"/>
          </ac:spMkLst>
        </pc:spChg>
        <pc:spChg chg="add del mod">
          <ac:chgData name="Luca Egoriti" userId="86980d32-e207-4caf-a8f6-6de1447eb40a" providerId="ADAL" clId="{E2D1C6CA-B12F-5FDF-832A-691E0E915A24}" dt="2026-06-23T08:36:03.770" v="1846" actId="478"/>
          <ac:spMkLst>
            <pc:docMk/>
            <pc:sldMk cId="1605898677" sldId="5493"/>
            <ac:spMk id="186" creationId="{A504EF03-2E67-5C1E-AB05-BA07E72AFD85}"/>
          </ac:spMkLst>
        </pc:spChg>
        <pc:spChg chg="del">
          <ac:chgData name="Luca Egoriti" userId="86980d32-e207-4caf-a8f6-6de1447eb40a" providerId="ADAL" clId="{E2D1C6CA-B12F-5FDF-832A-691E0E915A24}" dt="2026-06-23T08:19:47.064" v="1240" actId="478"/>
          <ac:spMkLst>
            <pc:docMk/>
            <pc:sldMk cId="1605898677" sldId="5493"/>
            <ac:spMk id="191" creationId="{B9D281A3-A771-2EAB-6FEB-49F0CF49DBF3}"/>
          </ac:spMkLst>
        </pc:spChg>
        <pc:spChg chg="add mod">
          <ac:chgData name="Luca Egoriti" userId="86980d32-e207-4caf-a8f6-6de1447eb40a" providerId="ADAL" clId="{E2D1C6CA-B12F-5FDF-832A-691E0E915A24}" dt="2026-06-23T08:40:03.578" v="2125" actId="1076"/>
          <ac:spMkLst>
            <pc:docMk/>
            <pc:sldMk cId="1605898677" sldId="5493"/>
            <ac:spMk id="193" creationId="{B263C535-49FC-113B-FBCD-7242AEFFA326}"/>
          </ac:spMkLst>
        </pc:spChg>
        <pc:spChg chg="add mod">
          <ac:chgData name="Luca Egoriti" userId="86980d32-e207-4caf-a8f6-6de1447eb40a" providerId="ADAL" clId="{E2D1C6CA-B12F-5FDF-832A-691E0E915A24}" dt="2026-06-23T08:40:03.578" v="2125" actId="1076"/>
          <ac:spMkLst>
            <pc:docMk/>
            <pc:sldMk cId="1605898677" sldId="5493"/>
            <ac:spMk id="194" creationId="{2A7FED74-2E1D-88AF-7A6A-5F3AA995CE59}"/>
          </ac:spMkLst>
        </pc:spChg>
        <pc:spChg chg="add mod">
          <ac:chgData name="Luca Egoriti" userId="86980d32-e207-4caf-a8f6-6de1447eb40a" providerId="ADAL" clId="{E2D1C6CA-B12F-5FDF-832A-691E0E915A24}" dt="2026-06-23T08:38:35.002" v="2034" actId="571"/>
          <ac:spMkLst>
            <pc:docMk/>
            <pc:sldMk cId="1605898677" sldId="5493"/>
            <ac:spMk id="195" creationId="{F9ABACCE-FEAA-FD58-2285-A12FA006C44F}"/>
          </ac:spMkLst>
        </pc:spChg>
        <pc:spChg chg="add mod">
          <ac:chgData name="Luca Egoriti" userId="86980d32-e207-4caf-a8f6-6de1447eb40a" providerId="ADAL" clId="{E2D1C6CA-B12F-5FDF-832A-691E0E915A24}" dt="2026-06-23T08:38:45.319" v="2071" actId="20577"/>
          <ac:spMkLst>
            <pc:docMk/>
            <pc:sldMk cId="1605898677" sldId="5493"/>
            <ac:spMk id="196" creationId="{2C7F53DC-A178-D4D0-4442-B29AEEC91201}"/>
          </ac:spMkLst>
        </pc:spChg>
        <pc:spChg chg="add mod">
          <ac:chgData name="Luca Egoriti" userId="86980d32-e207-4caf-a8f6-6de1447eb40a" providerId="ADAL" clId="{E2D1C6CA-B12F-5FDF-832A-691E0E915A24}" dt="2026-06-23T08:40:08.029" v="2126" actId="571"/>
          <ac:spMkLst>
            <pc:docMk/>
            <pc:sldMk cId="1605898677" sldId="5493"/>
            <ac:spMk id="197" creationId="{98C4BFA9-E8A3-BC82-16CC-82E345AF1CCA}"/>
          </ac:spMkLst>
        </pc:spChg>
        <pc:spChg chg="add mod">
          <ac:chgData name="Luca Egoriti" userId="86980d32-e207-4caf-a8f6-6de1447eb40a" providerId="ADAL" clId="{E2D1C6CA-B12F-5FDF-832A-691E0E915A24}" dt="2026-06-23T08:40:23.887" v="2161" actId="20577"/>
          <ac:spMkLst>
            <pc:docMk/>
            <pc:sldMk cId="1605898677" sldId="5493"/>
            <ac:spMk id="198" creationId="{3A025FD6-0536-26D2-7AC1-D681FCDF868C}"/>
          </ac:spMkLst>
        </pc:spChg>
        <pc:spChg chg="add mod">
          <ac:chgData name="Luca Egoriti" userId="86980d32-e207-4caf-a8f6-6de1447eb40a" providerId="ADAL" clId="{E2D1C6CA-B12F-5FDF-832A-691E0E915A24}" dt="2026-06-23T08:40:45.897" v="2179" actId="1037"/>
          <ac:spMkLst>
            <pc:docMk/>
            <pc:sldMk cId="1605898677" sldId="5493"/>
            <ac:spMk id="199" creationId="{40E9C02B-17E1-D3B7-AEB5-C940AB1B52CE}"/>
          </ac:spMkLst>
        </pc:spChg>
        <pc:spChg chg="add mod">
          <ac:chgData name="Luca Egoriti" userId="86980d32-e207-4caf-a8f6-6de1447eb40a" providerId="ADAL" clId="{E2D1C6CA-B12F-5FDF-832A-691E0E915A24}" dt="2026-06-23T08:41:03.493" v="2226" actId="14100"/>
          <ac:spMkLst>
            <pc:docMk/>
            <pc:sldMk cId="1605898677" sldId="5493"/>
            <ac:spMk id="200" creationId="{9796DE18-05A0-21C9-81FF-DE38E65DB882}"/>
          </ac:spMkLst>
        </pc:spChg>
        <pc:spChg chg="add mod">
          <ac:chgData name="Luca Egoriti" userId="86980d32-e207-4caf-a8f6-6de1447eb40a" providerId="ADAL" clId="{E2D1C6CA-B12F-5FDF-832A-691E0E915A24}" dt="2026-06-23T09:16:10.305" v="2488" actId="14100"/>
          <ac:spMkLst>
            <pc:docMk/>
            <pc:sldMk cId="1605898677" sldId="5493"/>
            <ac:spMk id="201" creationId="{267A6B4B-F5B1-1CF1-BA3E-1FBBCB859AA0}"/>
          </ac:spMkLst>
        </pc:spChg>
        <pc:spChg chg="del">
          <ac:chgData name="Luca Egoriti" userId="86980d32-e207-4caf-a8f6-6de1447eb40a" providerId="ADAL" clId="{E2D1C6CA-B12F-5FDF-832A-691E0E915A24}" dt="2026-06-23T08:19:47.064" v="1240" actId="478"/>
          <ac:spMkLst>
            <pc:docMk/>
            <pc:sldMk cId="1605898677" sldId="5493"/>
            <ac:spMk id="209" creationId="{06672B27-84B0-23D8-C620-23CE07383856}"/>
          </ac:spMkLst>
        </pc:spChg>
        <pc:spChg chg="del">
          <ac:chgData name="Luca Egoriti" userId="86980d32-e207-4caf-a8f6-6de1447eb40a" providerId="ADAL" clId="{E2D1C6CA-B12F-5FDF-832A-691E0E915A24}" dt="2026-06-23T08:20:46.397" v="1250" actId="478"/>
          <ac:spMkLst>
            <pc:docMk/>
            <pc:sldMk cId="1605898677" sldId="5493"/>
            <ac:spMk id="213" creationId="{C6E310A7-A5B7-6CF1-503B-0A256C2C5CED}"/>
          </ac:spMkLst>
        </pc:spChg>
        <pc:spChg chg="del">
          <ac:chgData name="Luca Egoriti" userId="86980d32-e207-4caf-a8f6-6de1447eb40a" providerId="ADAL" clId="{E2D1C6CA-B12F-5FDF-832A-691E0E915A24}" dt="2026-06-23T08:19:47.064" v="1240" actId="478"/>
          <ac:spMkLst>
            <pc:docMk/>
            <pc:sldMk cId="1605898677" sldId="5493"/>
            <ac:spMk id="214" creationId="{58A0DF3E-9C48-D335-FE7F-05E30973019B}"/>
          </ac:spMkLst>
        </pc:spChg>
        <pc:spChg chg="del">
          <ac:chgData name="Luca Egoriti" userId="86980d32-e207-4caf-a8f6-6de1447eb40a" providerId="ADAL" clId="{E2D1C6CA-B12F-5FDF-832A-691E0E915A24}" dt="2026-06-23T08:20:46.397" v="1250" actId="478"/>
          <ac:spMkLst>
            <pc:docMk/>
            <pc:sldMk cId="1605898677" sldId="5493"/>
            <ac:spMk id="215" creationId="{6B701118-2AA0-9EA4-D958-C454D2C4B089}"/>
          </ac:spMkLst>
        </pc:spChg>
        <pc:spChg chg="del">
          <ac:chgData name="Luca Egoriti" userId="86980d32-e207-4caf-a8f6-6de1447eb40a" providerId="ADAL" clId="{E2D1C6CA-B12F-5FDF-832A-691E0E915A24}" dt="2026-06-23T08:20:46.397" v="1250" actId="478"/>
          <ac:spMkLst>
            <pc:docMk/>
            <pc:sldMk cId="1605898677" sldId="5493"/>
            <ac:spMk id="217" creationId="{36013340-0889-8BFD-F4ED-FA7BEA2CFC46}"/>
          </ac:spMkLst>
        </pc:spChg>
        <pc:spChg chg="del">
          <ac:chgData name="Luca Egoriti" userId="86980d32-e207-4caf-a8f6-6de1447eb40a" providerId="ADAL" clId="{E2D1C6CA-B12F-5FDF-832A-691E0E915A24}" dt="2026-06-23T08:20:46.397" v="1250" actId="478"/>
          <ac:spMkLst>
            <pc:docMk/>
            <pc:sldMk cId="1605898677" sldId="5493"/>
            <ac:spMk id="218" creationId="{0D24F21E-39EF-2901-C8BB-75B4349851BE}"/>
          </ac:spMkLst>
        </pc:spChg>
        <pc:spChg chg="del">
          <ac:chgData name="Luca Egoriti" userId="86980d32-e207-4caf-a8f6-6de1447eb40a" providerId="ADAL" clId="{E2D1C6CA-B12F-5FDF-832A-691E0E915A24}" dt="2026-06-23T08:20:46.397" v="1250" actId="478"/>
          <ac:spMkLst>
            <pc:docMk/>
            <pc:sldMk cId="1605898677" sldId="5493"/>
            <ac:spMk id="219" creationId="{036915B9-FE8B-5E55-3822-AE52AADD285D}"/>
          </ac:spMkLst>
        </pc:spChg>
        <pc:spChg chg="add del mod">
          <ac:chgData name="Luca Egoriti" userId="86980d32-e207-4caf-a8f6-6de1447eb40a" providerId="ADAL" clId="{E2D1C6CA-B12F-5FDF-832A-691E0E915A24}" dt="2026-06-23T08:20:42.220" v="1249" actId="1076"/>
          <ac:spMkLst>
            <pc:docMk/>
            <pc:sldMk cId="1605898677" sldId="5493"/>
            <ac:spMk id="222" creationId="{A2E0B4C6-A348-7722-175F-9CEC7AB52955}"/>
          </ac:spMkLst>
        </pc:spChg>
        <pc:spChg chg="mod">
          <ac:chgData name="Luca Egoriti" userId="86980d32-e207-4caf-a8f6-6de1447eb40a" providerId="ADAL" clId="{E2D1C6CA-B12F-5FDF-832A-691E0E915A24}" dt="2026-06-23T08:36:24.159" v="1883" actId="1038"/>
          <ac:spMkLst>
            <pc:docMk/>
            <pc:sldMk cId="1605898677" sldId="5493"/>
            <ac:spMk id="223" creationId="{84AFFEBD-52C8-C3C2-A3EB-EE22D3B0E26C}"/>
          </ac:spMkLst>
        </pc:spChg>
        <pc:spChg chg="mod">
          <ac:chgData name="Luca Egoriti" userId="86980d32-e207-4caf-a8f6-6de1447eb40a" providerId="ADAL" clId="{E2D1C6CA-B12F-5FDF-832A-691E0E915A24}" dt="2026-06-23T08:36:24.159" v="1883" actId="1038"/>
          <ac:spMkLst>
            <pc:docMk/>
            <pc:sldMk cId="1605898677" sldId="5493"/>
            <ac:spMk id="224" creationId="{8FC78AC7-3D40-640E-C7BB-89BA804E0037}"/>
          </ac:spMkLst>
        </pc:spChg>
        <pc:spChg chg="del mod">
          <ac:chgData name="Luca Egoriti" userId="86980d32-e207-4caf-a8f6-6de1447eb40a" providerId="ADAL" clId="{E2D1C6CA-B12F-5FDF-832A-691E0E915A24}" dt="2026-06-23T08:19:58.034" v="1242" actId="478"/>
          <ac:spMkLst>
            <pc:docMk/>
            <pc:sldMk cId="1605898677" sldId="5493"/>
            <ac:spMk id="225" creationId="{2E5044C0-3A7A-64A9-532E-49EDF311C339}"/>
          </ac:spMkLst>
        </pc:spChg>
        <pc:spChg chg="mod">
          <ac:chgData name="Luca Egoriti" userId="86980d32-e207-4caf-a8f6-6de1447eb40a" providerId="ADAL" clId="{E2D1C6CA-B12F-5FDF-832A-691E0E915A24}" dt="2026-06-23T08:32:51.750" v="1721" actId="1076"/>
          <ac:spMkLst>
            <pc:docMk/>
            <pc:sldMk cId="1605898677" sldId="5493"/>
            <ac:spMk id="226" creationId="{2E7834CD-CE06-E06F-07B7-C19D03BF22E4}"/>
          </ac:spMkLst>
        </pc:spChg>
        <pc:spChg chg="del mod">
          <ac:chgData name="Luca Egoriti" userId="86980d32-e207-4caf-a8f6-6de1447eb40a" providerId="ADAL" clId="{E2D1C6CA-B12F-5FDF-832A-691E0E915A24}" dt="2026-06-23T08:33:41.041" v="1799" actId="478"/>
          <ac:spMkLst>
            <pc:docMk/>
            <pc:sldMk cId="1605898677" sldId="5493"/>
            <ac:spMk id="227" creationId="{14C5CE9A-3199-9040-DC9E-52EFE5184DDC}"/>
          </ac:spMkLst>
        </pc:spChg>
        <pc:spChg chg="del">
          <ac:chgData name="Luca Egoriti" userId="86980d32-e207-4caf-a8f6-6de1447eb40a" providerId="ADAL" clId="{E2D1C6CA-B12F-5FDF-832A-691E0E915A24}" dt="2026-06-23T08:19:47.064" v="1240" actId="478"/>
          <ac:spMkLst>
            <pc:docMk/>
            <pc:sldMk cId="1605898677" sldId="5493"/>
            <ac:spMk id="228" creationId="{CBA7379A-56E0-A45F-B0B2-FE418D3612FC}"/>
          </ac:spMkLst>
        </pc:spChg>
        <pc:spChg chg="del">
          <ac:chgData name="Luca Egoriti" userId="86980d32-e207-4caf-a8f6-6de1447eb40a" providerId="ADAL" clId="{E2D1C6CA-B12F-5FDF-832A-691E0E915A24}" dt="2026-06-23T08:20:46.397" v="1250" actId="478"/>
          <ac:spMkLst>
            <pc:docMk/>
            <pc:sldMk cId="1605898677" sldId="5493"/>
            <ac:spMk id="243" creationId="{4E239940-1A2A-ED97-89C0-2A844953C06B}"/>
          </ac:spMkLst>
        </pc:spChg>
        <pc:spChg chg="del">
          <ac:chgData name="Luca Egoriti" userId="86980d32-e207-4caf-a8f6-6de1447eb40a" providerId="ADAL" clId="{E2D1C6CA-B12F-5FDF-832A-691E0E915A24}" dt="2026-06-23T08:20:03.090" v="1243" actId="478"/>
          <ac:spMkLst>
            <pc:docMk/>
            <pc:sldMk cId="1605898677" sldId="5493"/>
            <ac:spMk id="245" creationId="{00D459B6-D2B3-ED5B-295F-AD1870DE3A59}"/>
          </ac:spMkLst>
        </pc:spChg>
        <pc:spChg chg="del">
          <ac:chgData name="Luca Egoriti" userId="86980d32-e207-4caf-a8f6-6de1447eb40a" providerId="ADAL" clId="{E2D1C6CA-B12F-5FDF-832A-691E0E915A24}" dt="2026-06-23T08:20:03.090" v="1243" actId="478"/>
          <ac:spMkLst>
            <pc:docMk/>
            <pc:sldMk cId="1605898677" sldId="5493"/>
            <ac:spMk id="246" creationId="{C967BB3C-5CDD-39FC-A706-A4425534546E}"/>
          </ac:spMkLst>
        </pc:spChg>
        <pc:spChg chg="del">
          <ac:chgData name="Luca Egoriti" userId="86980d32-e207-4caf-a8f6-6de1447eb40a" providerId="ADAL" clId="{E2D1C6CA-B12F-5FDF-832A-691E0E915A24}" dt="2026-06-23T08:20:03.090" v="1243" actId="478"/>
          <ac:spMkLst>
            <pc:docMk/>
            <pc:sldMk cId="1605898677" sldId="5493"/>
            <ac:spMk id="247" creationId="{6FFAD210-D978-92BC-726A-5746314C7DD4}"/>
          </ac:spMkLst>
        </pc:spChg>
        <pc:spChg chg="del">
          <ac:chgData name="Luca Egoriti" userId="86980d32-e207-4caf-a8f6-6de1447eb40a" providerId="ADAL" clId="{E2D1C6CA-B12F-5FDF-832A-691E0E915A24}" dt="2026-06-23T08:20:03.090" v="1243" actId="478"/>
          <ac:spMkLst>
            <pc:docMk/>
            <pc:sldMk cId="1605898677" sldId="5493"/>
            <ac:spMk id="248" creationId="{B4ED191E-A497-DC7F-02C3-3B3BD7B1E18F}"/>
          </ac:spMkLst>
        </pc:spChg>
        <pc:spChg chg="del">
          <ac:chgData name="Luca Egoriti" userId="86980d32-e207-4caf-a8f6-6de1447eb40a" providerId="ADAL" clId="{E2D1C6CA-B12F-5FDF-832A-691E0E915A24}" dt="2026-06-23T08:20:46.397" v="1250" actId="478"/>
          <ac:spMkLst>
            <pc:docMk/>
            <pc:sldMk cId="1605898677" sldId="5493"/>
            <ac:spMk id="276" creationId="{08C9B860-CCB4-B4E7-AB65-D175B42E2C18}"/>
          </ac:spMkLst>
        </pc:spChg>
        <pc:spChg chg="del">
          <ac:chgData name="Luca Egoriti" userId="86980d32-e207-4caf-a8f6-6de1447eb40a" providerId="ADAL" clId="{E2D1C6CA-B12F-5FDF-832A-691E0E915A24}" dt="2026-06-23T08:19:47.064" v="1240" actId="478"/>
          <ac:spMkLst>
            <pc:docMk/>
            <pc:sldMk cId="1605898677" sldId="5493"/>
            <ac:spMk id="279" creationId="{B12DB872-3583-E48D-1EF2-2CEF1F85EE70}"/>
          </ac:spMkLst>
        </pc:spChg>
        <pc:spChg chg="del">
          <ac:chgData name="Luca Egoriti" userId="86980d32-e207-4caf-a8f6-6de1447eb40a" providerId="ADAL" clId="{E2D1C6CA-B12F-5FDF-832A-691E0E915A24}" dt="2026-06-23T08:20:46.397" v="1250" actId="478"/>
          <ac:spMkLst>
            <pc:docMk/>
            <pc:sldMk cId="1605898677" sldId="5493"/>
            <ac:spMk id="285" creationId="{43D2326C-1EEA-0387-BFEE-EE1D5537E579}"/>
          </ac:spMkLst>
        </pc:spChg>
        <pc:spChg chg="del">
          <ac:chgData name="Luca Egoriti" userId="86980d32-e207-4caf-a8f6-6de1447eb40a" providerId="ADAL" clId="{E2D1C6CA-B12F-5FDF-832A-691E0E915A24}" dt="2026-06-23T08:19:47.064" v="1240" actId="478"/>
          <ac:spMkLst>
            <pc:docMk/>
            <pc:sldMk cId="1605898677" sldId="5493"/>
            <ac:spMk id="291" creationId="{92F112F6-2723-A082-90EA-5068C18862EC}"/>
          </ac:spMkLst>
        </pc:spChg>
        <pc:spChg chg="mod">
          <ac:chgData name="Luca Egoriti" userId="86980d32-e207-4caf-a8f6-6de1447eb40a" providerId="ADAL" clId="{E2D1C6CA-B12F-5FDF-832A-691E0E915A24}" dt="2026-06-23T08:35:00.604" v="1826" actId="1037"/>
          <ac:spMkLst>
            <pc:docMk/>
            <pc:sldMk cId="1605898677" sldId="5493"/>
            <ac:spMk id="302" creationId="{C80A6556-45E3-81CA-4212-1543E4B5A5C3}"/>
          </ac:spMkLst>
        </pc:spChg>
        <pc:spChg chg="mod">
          <ac:chgData name="Luca Egoriti" userId="86980d32-e207-4caf-a8f6-6de1447eb40a" providerId="ADAL" clId="{E2D1C6CA-B12F-5FDF-832A-691E0E915A24}" dt="2026-06-23T08:35:00.604" v="1826" actId="1037"/>
          <ac:spMkLst>
            <pc:docMk/>
            <pc:sldMk cId="1605898677" sldId="5493"/>
            <ac:spMk id="303" creationId="{DD441FCA-B878-5256-D840-6F1CE938B42B}"/>
          </ac:spMkLst>
        </pc:spChg>
        <pc:spChg chg="mod">
          <ac:chgData name="Luca Egoriti" userId="86980d32-e207-4caf-a8f6-6de1447eb40a" providerId="ADAL" clId="{E2D1C6CA-B12F-5FDF-832A-691E0E915A24}" dt="2026-06-23T08:33:15.594" v="1751" actId="1038"/>
          <ac:spMkLst>
            <pc:docMk/>
            <pc:sldMk cId="1605898677" sldId="5493"/>
            <ac:spMk id="304" creationId="{C3E0C5B6-9F23-1ED3-517C-8AAFECCC710E}"/>
          </ac:spMkLst>
        </pc:spChg>
        <pc:spChg chg="mod">
          <ac:chgData name="Luca Egoriti" userId="86980d32-e207-4caf-a8f6-6de1447eb40a" providerId="ADAL" clId="{E2D1C6CA-B12F-5FDF-832A-691E0E915A24}" dt="2026-06-23T08:35:00.604" v="1826" actId="1037"/>
          <ac:spMkLst>
            <pc:docMk/>
            <pc:sldMk cId="1605898677" sldId="5493"/>
            <ac:spMk id="305" creationId="{E6180FD8-FE2F-3C09-0451-BAA1C9D85326}"/>
          </ac:spMkLst>
        </pc:spChg>
        <pc:spChg chg="del mod">
          <ac:chgData name="Luca Egoriti" userId="86980d32-e207-4caf-a8f6-6de1447eb40a" providerId="ADAL" clId="{E2D1C6CA-B12F-5FDF-832A-691E0E915A24}" dt="2026-06-23T08:33:41.041" v="1799" actId="478"/>
          <ac:spMkLst>
            <pc:docMk/>
            <pc:sldMk cId="1605898677" sldId="5493"/>
            <ac:spMk id="311" creationId="{B616CD49-1A6B-39DA-A38D-7244C71B06B1}"/>
          </ac:spMkLst>
        </pc:spChg>
        <pc:spChg chg="del">
          <ac:chgData name="Luca Egoriti" userId="86980d32-e207-4caf-a8f6-6de1447eb40a" providerId="ADAL" clId="{E2D1C6CA-B12F-5FDF-832A-691E0E915A24}" dt="2026-06-23T08:33:41.041" v="1799" actId="478"/>
          <ac:spMkLst>
            <pc:docMk/>
            <pc:sldMk cId="1605898677" sldId="5493"/>
            <ac:spMk id="312" creationId="{C352ED6F-E636-DBE4-0EED-B6762CBC5D33}"/>
          </ac:spMkLst>
        </pc:spChg>
        <pc:spChg chg="mod">
          <ac:chgData name="Luca Egoriti" userId="86980d32-e207-4caf-a8f6-6de1447eb40a" providerId="ADAL" clId="{E2D1C6CA-B12F-5FDF-832A-691E0E915A24}" dt="2026-06-23T08:22:14.223" v="1315" actId="1037"/>
          <ac:spMkLst>
            <pc:docMk/>
            <pc:sldMk cId="1605898677" sldId="5493"/>
            <ac:spMk id="313" creationId="{121AD2F1-3724-0E66-CA75-6BC9163FCDDB}"/>
          </ac:spMkLst>
        </pc:spChg>
        <pc:spChg chg="del">
          <ac:chgData name="Luca Egoriti" userId="86980d32-e207-4caf-a8f6-6de1447eb40a" providerId="ADAL" clId="{E2D1C6CA-B12F-5FDF-832A-691E0E915A24}" dt="2026-06-23T08:33:41.041" v="1799" actId="478"/>
          <ac:spMkLst>
            <pc:docMk/>
            <pc:sldMk cId="1605898677" sldId="5493"/>
            <ac:spMk id="314" creationId="{0BCAC923-A99A-545D-D0F5-04E7295999FD}"/>
          </ac:spMkLst>
        </pc:spChg>
        <pc:spChg chg="del mod">
          <ac:chgData name="Luca Egoriti" userId="86980d32-e207-4caf-a8f6-6de1447eb40a" providerId="ADAL" clId="{E2D1C6CA-B12F-5FDF-832A-691E0E915A24}" dt="2026-06-23T08:33:41.041" v="1799" actId="478"/>
          <ac:spMkLst>
            <pc:docMk/>
            <pc:sldMk cId="1605898677" sldId="5493"/>
            <ac:spMk id="320" creationId="{1A763361-10E0-D1F9-3F37-5699E536BF00}"/>
          </ac:spMkLst>
        </pc:spChg>
        <pc:spChg chg="del mod">
          <ac:chgData name="Luca Egoriti" userId="86980d32-e207-4caf-a8f6-6de1447eb40a" providerId="ADAL" clId="{E2D1C6CA-B12F-5FDF-832A-691E0E915A24}" dt="2026-06-23T08:33:41.041" v="1799" actId="478"/>
          <ac:spMkLst>
            <pc:docMk/>
            <pc:sldMk cId="1605898677" sldId="5493"/>
            <ac:spMk id="321" creationId="{AB46AF6E-EC6B-405A-3828-48A4A54E7748}"/>
          </ac:spMkLst>
        </pc:spChg>
        <pc:spChg chg="mod">
          <ac:chgData name="Luca Egoriti" userId="86980d32-e207-4caf-a8f6-6de1447eb40a" providerId="ADAL" clId="{E2D1C6CA-B12F-5FDF-832A-691E0E915A24}" dt="2026-06-23T08:22:14.223" v="1315" actId="1037"/>
          <ac:spMkLst>
            <pc:docMk/>
            <pc:sldMk cId="1605898677" sldId="5493"/>
            <ac:spMk id="322" creationId="{6D063079-7413-6107-0E89-4DBB7AE1C32D}"/>
          </ac:spMkLst>
        </pc:spChg>
        <pc:spChg chg="del mod">
          <ac:chgData name="Luca Egoriti" userId="86980d32-e207-4caf-a8f6-6de1447eb40a" providerId="ADAL" clId="{E2D1C6CA-B12F-5FDF-832A-691E0E915A24}" dt="2026-06-23T08:33:41.041" v="1799" actId="478"/>
          <ac:spMkLst>
            <pc:docMk/>
            <pc:sldMk cId="1605898677" sldId="5493"/>
            <ac:spMk id="323" creationId="{EE2CA9DB-F93F-3EE8-9021-2D459F5CEF4D}"/>
          </ac:spMkLst>
        </pc:spChg>
        <pc:spChg chg="mod">
          <ac:chgData name="Luca Egoriti" userId="86980d32-e207-4caf-a8f6-6de1447eb40a" providerId="ADAL" clId="{E2D1C6CA-B12F-5FDF-832A-691E0E915A24}" dt="2026-06-23T08:21:32.755" v="1262" actId="1076"/>
          <ac:spMkLst>
            <pc:docMk/>
            <pc:sldMk cId="1605898677" sldId="5493"/>
            <ac:spMk id="328" creationId="{97F30C4A-CAF5-8A38-9FE8-7C03E960DF86}"/>
          </ac:spMkLst>
        </pc:spChg>
        <pc:spChg chg="del">
          <ac:chgData name="Luca Egoriti" userId="86980d32-e207-4caf-a8f6-6de1447eb40a" providerId="ADAL" clId="{E2D1C6CA-B12F-5FDF-832A-691E0E915A24}" dt="2026-06-23T08:20:46.397" v="1250" actId="478"/>
          <ac:spMkLst>
            <pc:docMk/>
            <pc:sldMk cId="1605898677" sldId="5493"/>
            <ac:spMk id="334" creationId="{2F36B53A-70F4-B932-CAD3-1C79F86FA9F9}"/>
          </ac:spMkLst>
        </pc:spChg>
        <pc:spChg chg="del">
          <ac:chgData name="Luca Egoriti" userId="86980d32-e207-4caf-a8f6-6de1447eb40a" providerId="ADAL" clId="{E2D1C6CA-B12F-5FDF-832A-691E0E915A24}" dt="2026-06-23T08:19:19.664" v="1235" actId="478"/>
          <ac:spMkLst>
            <pc:docMk/>
            <pc:sldMk cId="1605898677" sldId="5493"/>
            <ac:spMk id="336" creationId="{36FFD1B8-4E67-D01E-6C83-BAD53360E801}"/>
          </ac:spMkLst>
        </pc:spChg>
        <pc:spChg chg="add del mod">
          <ac:chgData name="Luca Egoriti" userId="86980d32-e207-4caf-a8f6-6de1447eb40a" providerId="ADAL" clId="{E2D1C6CA-B12F-5FDF-832A-691E0E915A24}" dt="2026-06-23T09:15:52.743" v="2487" actId="14100"/>
          <ac:spMkLst>
            <pc:docMk/>
            <pc:sldMk cId="1605898677" sldId="5493"/>
            <ac:spMk id="338" creationId="{7DDF4DA8-B65D-DD14-0D5C-453B8853AA6E}"/>
          </ac:spMkLst>
        </pc:spChg>
        <pc:spChg chg="del">
          <ac:chgData name="Luca Egoriti" userId="86980d32-e207-4caf-a8f6-6de1447eb40a" providerId="ADAL" clId="{E2D1C6CA-B12F-5FDF-832A-691E0E915A24}" dt="2026-06-23T08:20:46.397" v="1250" actId="478"/>
          <ac:spMkLst>
            <pc:docMk/>
            <pc:sldMk cId="1605898677" sldId="5493"/>
            <ac:spMk id="339" creationId="{CA939681-8C84-0A9E-66A8-CD5BF95DBE6C}"/>
          </ac:spMkLst>
        </pc:spChg>
        <pc:picChg chg="add mod">
          <ac:chgData name="Luca Egoriti" userId="86980d32-e207-4caf-a8f6-6de1447eb40a" providerId="ADAL" clId="{E2D1C6CA-B12F-5FDF-832A-691E0E915A24}" dt="2026-06-23T08:47:40.435" v="2293" actId="14100"/>
          <ac:picMkLst>
            <pc:docMk/>
            <pc:sldMk cId="1605898677" sldId="5493"/>
            <ac:picMk id="202" creationId="{179FC744-04AD-8A60-D491-5AE7E3BC60BF}"/>
          </ac:picMkLst>
        </pc:picChg>
        <pc:picChg chg="add mod modCrop">
          <ac:chgData name="Luca Egoriti" userId="86980d32-e207-4caf-a8f6-6de1447eb40a" providerId="ADAL" clId="{E2D1C6CA-B12F-5FDF-832A-691E0E915A24}" dt="2026-06-23T09:16:22.891" v="2499" actId="1038"/>
          <ac:picMkLst>
            <pc:docMk/>
            <pc:sldMk cId="1605898677" sldId="5493"/>
            <ac:picMk id="203" creationId="{84B1D29F-EFF3-D8C8-EB18-0016D9DDDBB3}"/>
          </ac:picMkLst>
        </pc:picChg>
        <pc:picChg chg="add mod">
          <ac:chgData name="Luca Egoriti" userId="86980d32-e207-4caf-a8f6-6de1447eb40a" providerId="ADAL" clId="{E2D1C6CA-B12F-5FDF-832A-691E0E915A24}" dt="2026-06-23T09:16:27.911" v="2506" actId="1038"/>
          <ac:picMkLst>
            <pc:docMk/>
            <pc:sldMk cId="1605898677" sldId="5493"/>
            <ac:picMk id="204" creationId="{76962C45-E9EA-68B0-7AFC-62572ED32787}"/>
          </ac:picMkLst>
        </pc:picChg>
        <pc:cxnChg chg="add mod">
          <ac:chgData name="Luca Egoriti" userId="86980d32-e207-4caf-a8f6-6de1447eb40a" providerId="ADAL" clId="{E2D1C6CA-B12F-5FDF-832A-691E0E915A24}" dt="2026-06-23T08:21:50.621" v="1302" actId="1036"/>
          <ac:cxnSpMkLst>
            <pc:docMk/>
            <pc:sldMk cId="1605898677" sldId="5493"/>
            <ac:cxnSpMk id="25" creationId="{E3243148-E27F-EC1B-CB93-A58C46527131}"/>
          </ac:cxnSpMkLst>
        </pc:cxnChg>
        <pc:cxnChg chg="add mod">
          <ac:chgData name="Luca Egoriti" userId="86980d32-e207-4caf-a8f6-6de1447eb40a" providerId="ADAL" clId="{E2D1C6CA-B12F-5FDF-832A-691E0E915A24}" dt="2026-06-23T08:21:50.621" v="1302" actId="1036"/>
          <ac:cxnSpMkLst>
            <pc:docMk/>
            <pc:sldMk cId="1605898677" sldId="5493"/>
            <ac:cxnSpMk id="26" creationId="{F00021CA-C0EE-0F4A-00AE-34C1B67DA7B4}"/>
          </ac:cxnSpMkLst>
        </pc:cxnChg>
        <pc:cxnChg chg="add mod">
          <ac:chgData name="Luca Egoriti" userId="86980d32-e207-4caf-a8f6-6de1447eb40a" providerId="ADAL" clId="{E2D1C6CA-B12F-5FDF-832A-691E0E915A24}" dt="2026-06-23T08:21:50.621" v="1302" actId="1036"/>
          <ac:cxnSpMkLst>
            <pc:docMk/>
            <pc:sldMk cId="1605898677" sldId="5493"/>
            <ac:cxnSpMk id="27" creationId="{B198E854-D7F4-7E1C-E1C7-586A80758CB9}"/>
          </ac:cxnSpMkLst>
        </pc:cxnChg>
        <pc:cxnChg chg="add mod">
          <ac:chgData name="Luca Egoriti" userId="86980d32-e207-4caf-a8f6-6de1447eb40a" providerId="ADAL" clId="{E2D1C6CA-B12F-5FDF-832A-691E0E915A24}" dt="2026-06-23T08:21:50.621" v="1302" actId="1036"/>
          <ac:cxnSpMkLst>
            <pc:docMk/>
            <pc:sldMk cId="1605898677" sldId="5493"/>
            <ac:cxnSpMk id="28" creationId="{8F3135FB-E83A-2C28-D226-12DE1D5E623D}"/>
          </ac:cxnSpMkLst>
        </pc:cxnChg>
        <pc:cxnChg chg="add mod">
          <ac:chgData name="Luca Egoriti" userId="86980d32-e207-4caf-a8f6-6de1447eb40a" providerId="ADAL" clId="{E2D1C6CA-B12F-5FDF-832A-691E0E915A24}" dt="2026-06-23T08:21:50.621" v="1302" actId="1036"/>
          <ac:cxnSpMkLst>
            <pc:docMk/>
            <pc:sldMk cId="1605898677" sldId="5493"/>
            <ac:cxnSpMk id="30" creationId="{E9C87FB0-3CD8-B6BA-C9F8-A4C74C3E8984}"/>
          </ac:cxnSpMkLst>
        </pc:cxnChg>
        <pc:cxnChg chg="add mod">
          <ac:chgData name="Luca Egoriti" userId="86980d32-e207-4caf-a8f6-6de1447eb40a" providerId="ADAL" clId="{E2D1C6CA-B12F-5FDF-832A-691E0E915A24}" dt="2026-06-23T08:36:34.276" v="1884" actId="14100"/>
          <ac:cxnSpMkLst>
            <pc:docMk/>
            <pc:sldMk cId="1605898677" sldId="5493"/>
            <ac:cxnSpMk id="32" creationId="{2C9A4F6C-241A-56FE-6651-161EA0452DAC}"/>
          </ac:cxnSpMkLst>
        </pc:cxnChg>
        <pc:cxnChg chg="add mod">
          <ac:chgData name="Luca Egoriti" userId="86980d32-e207-4caf-a8f6-6de1447eb40a" providerId="ADAL" clId="{E2D1C6CA-B12F-5FDF-832A-691E0E915A24}" dt="2026-06-23T08:32:35.196" v="1720" actId="571"/>
          <ac:cxnSpMkLst>
            <pc:docMk/>
            <pc:sldMk cId="1605898677" sldId="5493"/>
            <ac:cxnSpMk id="63" creationId="{DD83482E-8D00-9FE8-FA90-337A0549E0CA}"/>
          </ac:cxnSpMkLst>
        </pc:cxnChg>
        <pc:cxnChg chg="add mod">
          <ac:chgData name="Luca Egoriti" userId="86980d32-e207-4caf-a8f6-6de1447eb40a" providerId="ADAL" clId="{E2D1C6CA-B12F-5FDF-832A-691E0E915A24}" dt="2026-06-23T08:32:35.196" v="1720" actId="571"/>
          <ac:cxnSpMkLst>
            <pc:docMk/>
            <pc:sldMk cId="1605898677" sldId="5493"/>
            <ac:cxnSpMk id="128" creationId="{C8C879B9-F8E0-9AE3-0A02-CBD59BBD6EAC}"/>
          </ac:cxnSpMkLst>
        </pc:cxnChg>
        <pc:cxnChg chg="add mod">
          <ac:chgData name="Luca Egoriti" userId="86980d32-e207-4caf-a8f6-6de1447eb40a" providerId="ADAL" clId="{E2D1C6CA-B12F-5FDF-832A-691E0E915A24}" dt="2026-06-23T08:32:35.196" v="1720" actId="571"/>
          <ac:cxnSpMkLst>
            <pc:docMk/>
            <pc:sldMk cId="1605898677" sldId="5493"/>
            <ac:cxnSpMk id="129" creationId="{CB6BCFF0-7F0E-B57B-2F41-3851C3EA2C78}"/>
          </ac:cxnSpMkLst>
        </pc:cxnChg>
        <pc:cxnChg chg="add mod">
          <ac:chgData name="Luca Egoriti" userId="86980d32-e207-4caf-a8f6-6de1447eb40a" providerId="ADAL" clId="{E2D1C6CA-B12F-5FDF-832A-691E0E915A24}" dt="2026-06-23T08:32:35.196" v="1720" actId="571"/>
          <ac:cxnSpMkLst>
            <pc:docMk/>
            <pc:sldMk cId="1605898677" sldId="5493"/>
            <ac:cxnSpMk id="130" creationId="{1F628931-B91A-5F50-DA12-18F2867F5432}"/>
          </ac:cxnSpMkLst>
        </pc:cxnChg>
        <pc:cxnChg chg="add mod">
          <ac:chgData name="Luca Egoriti" userId="86980d32-e207-4caf-a8f6-6de1447eb40a" providerId="ADAL" clId="{E2D1C6CA-B12F-5FDF-832A-691E0E915A24}" dt="2026-06-23T08:34:11.153" v="1801" actId="1076"/>
          <ac:cxnSpMkLst>
            <pc:docMk/>
            <pc:sldMk cId="1605898677" sldId="5493"/>
            <ac:cxnSpMk id="132" creationId="{4432E232-2E5F-6E40-F38D-1AFA82E5CC2E}"/>
          </ac:cxnSpMkLst>
        </pc:cxnChg>
        <pc:cxnChg chg="add mod">
          <ac:chgData name="Luca Egoriti" userId="86980d32-e207-4caf-a8f6-6de1447eb40a" providerId="ADAL" clId="{E2D1C6CA-B12F-5FDF-832A-691E0E915A24}" dt="2026-06-23T08:34:11.153" v="1801" actId="1076"/>
          <ac:cxnSpMkLst>
            <pc:docMk/>
            <pc:sldMk cId="1605898677" sldId="5493"/>
            <ac:cxnSpMk id="137" creationId="{4F3EE716-6EE6-BCDB-B494-6C71DA4F69A8}"/>
          </ac:cxnSpMkLst>
        </pc:cxnChg>
        <pc:cxnChg chg="add mod">
          <ac:chgData name="Luca Egoriti" userId="86980d32-e207-4caf-a8f6-6de1447eb40a" providerId="ADAL" clId="{E2D1C6CA-B12F-5FDF-832A-691E0E915A24}" dt="2026-06-23T08:34:11.153" v="1801" actId="1076"/>
          <ac:cxnSpMkLst>
            <pc:docMk/>
            <pc:sldMk cId="1605898677" sldId="5493"/>
            <ac:cxnSpMk id="138" creationId="{30E7C7EE-4171-1F90-0F6C-1E7E70B22C30}"/>
          </ac:cxnSpMkLst>
        </pc:cxnChg>
        <pc:cxnChg chg="add mod">
          <ac:chgData name="Luca Egoriti" userId="86980d32-e207-4caf-a8f6-6de1447eb40a" providerId="ADAL" clId="{E2D1C6CA-B12F-5FDF-832A-691E0E915A24}" dt="2026-06-23T08:34:11.153" v="1801" actId="1076"/>
          <ac:cxnSpMkLst>
            <pc:docMk/>
            <pc:sldMk cId="1605898677" sldId="5493"/>
            <ac:cxnSpMk id="139" creationId="{0AE0DEE6-4E8E-EA2A-B7F7-BA1F141419EF}"/>
          </ac:cxnSpMkLst>
        </pc:cxnChg>
        <pc:cxnChg chg="add mod">
          <ac:chgData name="Luca Egoriti" userId="86980d32-e207-4caf-a8f6-6de1447eb40a" providerId="ADAL" clId="{E2D1C6CA-B12F-5FDF-832A-691E0E915A24}" dt="2026-06-23T08:34:11.153" v="1801" actId="1076"/>
          <ac:cxnSpMkLst>
            <pc:docMk/>
            <pc:sldMk cId="1605898677" sldId="5493"/>
            <ac:cxnSpMk id="140" creationId="{FFF0CA62-5746-9255-2166-8286C391F8A4}"/>
          </ac:cxnSpMkLst>
        </pc:cxnChg>
        <pc:cxnChg chg="add mod">
          <ac:chgData name="Luca Egoriti" userId="86980d32-e207-4caf-a8f6-6de1447eb40a" providerId="ADAL" clId="{E2D1C6CA-B12F-5FDF-832A-691E0E915A24}" dt="2026-06-23T08:34:29.180" v="1802" actId="571"/>
          <ac:cxnSpMkLst>
            <pc:docMk/>
            <pc:sldMk cId="1605898677" sldId="5493"/>
            <ac:cxnSpMk id="142" creationId="{0BC8394F-CA21-C97A-C073-A0741BBEC4E6}"/>
          </ac:cxnSpMkLst>
        </pc:cxnChg>
        <pc:cxnChg chg="add mod">
          <ac:chgData name="Luca Egoriti" userId="86980d32-e207-4caf-a8f6-6de1447eb40a" providerId="ADAL" clId="{E2D1C6CA-B12F-5FDF-832A-691E0E915A24}" dt="2026-06-23T08:34:29.180" v="1802" actId="571"/>
          <ac:cxnSpMkLst>
            <pc:docMk/>
            <pc:sldMk cId="1605898677" sldId="5493"/>
            <ac:cxnSpMk id="147" creationId="{C844DDAE-AE3B-DABB-ADD2-E92111EC4BB1}"/>
          </ac:cxnSpMkLst>
        </pc:cxnChg>
        <pc:cxnChg chg="add mod">
          <ac:chgData name="Luca Egoriti" userId="86980d32-e207-4caf-a8f6-6de1447eb40a" providerId="ADAL" clId="{E2D1C6CA-B12F-5FDF-832A-691E0E915A24}" dt="2026-06-23T08:34:29.180" v="1802" actId="571"/>
          <ac:cxnSpMkLst>
            <pc:docMk/>
            <pc:sldMk cId="1605898677" sldId="5493"/>
            <ac:cxnSpMk id="148" creationId="{69D8387A-3F05-80C1-D33A-198B6DDF77B7}"/>
          </ac:cxnSpMkLst>
        </pc:cxnChg>
        <pc:cxnChg chg="add mod">
          <ac:chgData name="Luca Egoriti" userId="86980d32-e207-4caf-a8f6-6de1447eb40a" providerId="ADAL" clId="{E2D1C6CA-B12F-5FDF-832A-691E0E915A24}" dt="2026-06-23T08:34:29.180" v="1802" actId="571"/>
          <ac:cxnSpMkLst>
            <pc:docMk/>
            <pc:sldMk cId="1605898677" sldId="5493"/>
            <ac:cxnSpMk id="149" creationId="{A5FFDE5B-C4CB-B20C-B1C8-67DFA053CA29}"/>
          </ac:cxnSpMkLst>
        </pc:cxnChg>
        <pc:cxnChg chg="add mod">
          <ac:chgData name="Luca Egoriti" userId="86980d32-e207-4caf-a8f6-6de1447eb40a" providerId="ADAL" clId="{E2D1C6CA-B12F-5FDF-832A-691E0E915A24}" dt="2026-06-23T08:34:29.180" v="1802" actId="571"/>
          <ac:cxnSpMkLst>
            <pc:docMk/>
            <pc:sldMk cId="1605898677" sldId="5493"/>
            <ac:cxnSpMk id="150" creationId="{1F51476B-9BC5-1FA1-04EA-78F5A97E2728}"/>
          </ac:cxnSpMkLst>
        </pc:cxnChg>
        <pc:cxnChg chg="add mod">
          <ac:chgData name="Luca Egoriti" userId="86980d32-e207-4caf-a8f6-6de1447eb40a" providerId="ADAL" clId="{E2D1C6CA-B12F-5FDF-832A-691E0E915A24}" dt="2026-06-23T08:35:28.603" v="1832" actId="571"/>
          <ac:cxnSpMkLst>
            <pc:docMk/>
            <pc:sldMk cId="1605898677" sldId="5493"/>
            <ac:cxnSpMk id="151" creationId="{45D50DC8-6CAF-7EE2-0750-4CD7617C4438}"/>
          </ac:cxnSpMkLst>
        </pc:cxnChg>
        <pc:cxnChg chg="del">
          <ac:chgData name="Luca Egoriti" userId="86980d32-e207-4caf-a8f6-6de1447eb40a" providerId="ADAL" clId="{E2D1C6CA-B12F-5FDF-832A-691E0E915A24}" dt="2026-06-23T08:19:47.064" v="1240" actId="478"/>
          <ac:cxnSpMkLst>
            <pc:docMk/>
            <pc:sldMk cId="1605898677" sldId="5493"/>
            <ac:cxnSpMk id="161" creationId="{FDAEB4E8-959A-6C09-D8C8-65C4E46083A2}"/>
          </ac:cxnSpMkLst>
        </pc:cxnChg>
        <pc:cxnChg chg="add mod">
          <ac:chgData name="Luca Egoriti" userId="86980d32-e207-4caf-a8f6-6de1447eb40a" providerId="ADAL" clId="{E2D1C6CA-B12F-5FDF-832A-691E0E915A24}" dt="2026-06-23T08:35:28.603" v="1832" actId="571"/>
          <ac:cxnSpMkLst>
            <pc:docMk/>
            <pc:sldMk cId="1605898677" sldId="5493"/>
            <ac:cxnSpMk id="162" creationId="{CA671F1C-2017-F745-26F8-4AC89169A19B}"/>
          </ac:cxnSpMkLst>
        </pc:cxnChg>
        <pc:cxnChg chg="add mod">
          <ac:chgData name="Luca Egoriti" userId="86980d32-e207-4caf-a8f6-6de1447eb40a" providerId="ADAL" clId="{E2D1C6CA-B12F-5FDF-832A-691E0E915A24}" dt="2026-06-23T08:35:28.603" v="1832" actId="571"/>
          <ac:cxnSpMkLst>
            <pc:docMk/>
            <pc:sldMk cId="1605898677" sldId="5493"/>
            <ac:cxnSpMk id="173" creationId="{5FF81752-D711-8C00-D67E-9EC2DA1FF950}"/>
          </ac:cxnSpMkLst>
        </pc:cxnChg>
        <pc:cxnChg chg="add mod">
          <ac:chgData name="Luca Egoriti" userId="86980d32-e207-4caf-a8f6-6de1447eb40a" providerId="ADAL" clId="{E2D1C6CA-B12F-5FDF-832A-691E0E915A24}" dt="2026-06-23T08:35:28.603" v="1832" actId="571"/>
          <ac:cxnSpMkLst>
            <pc:docMk/>
            <pc:sldMk cId="1605898677" sldId="5493"/>
            <ac:cxnSpMk id="174" creationId="{B788B6AB-AD12-5881-CBF4-7C915F9AEFEC}"/>
          </ac:cxnSpMkLst>
        </pc:cxnChg>
        <pc:cxnChg chg="add mod">
          <ac:chgData name="Luca Egoriti" userId="86980d32-e207-4caf-a8f6-6de1447eb40a" providerId="ADAL" clId="{E2D1C6CA-B12F-5FDF-832A-691E0E915A24}" dt="2026-06-23T08:35:28.603" v="1832" actId="571"/>
          <ac:cxnSpMkLst>
            <pc:docMk/>
            <pc:sldMk cId="1605898677" sldId="5493"/>
            <ac:cxnSpMk id="176" creationId="{57D2F036-B43A-94B0-1A3B-11F65F6E6588}"/>
          </ac:cxnSpMkLst>
        </pc:cxnChg>
        <pc:cxnChg chg="add del mod">
          <ac:chgData name="Luca Egoriti" userId="86980d32-e207-4caf-a8f6-6de1447eb40a" providerId="ADAL" clId="{E2D1C6CA-B12F-5FDF-832A-691E0E915A24}" dt="2026-06-23T08:35:37.219" v="1834" actId="478"/>
          <ac:cxnSpMkLst>
            <pc:docMk/>
            <pc:sldMk cId="1605898677" sldId="5493"/>
            <ac:cxnSpMk id="178" creationId="{E5B00861-EE4B-DA11-B319-659031EC07D4}"/>
          </ac:cxnSpMkLst>
        </pc:cxnChg>
        <pc:cxnChg chg="add del mod">
          <ac:chgData name="Luca Egoriti" userId="86980d32-e207-4caf-a8f6-6de1447eb40a" providerId="ADAL" clId="{E2D1C6CA-B12F-5FDF-832A-691E0E915A24}" dt="2026-06-23T08:35:38.137" v="1835" actId="478"/>
          <ac:cxnSpMkLst>
            <pc:docMk/>
            <pc:sldMk cId="1605898677" sldId="5493"/>
            <ac:cxnSpMk id="180" creationId="{3F0782FE-5CD2-F189-6659-73BAE820D016}"/>
          </ac:cxnSpMkLst>
        </pc:cxnChg>
        <pc:cxnChg chg="add del mod">
          <ac:chgData name="Luca Egoriti" userId="86980d32-e207-4caf-a8f6-6de1447eb40a" providerId="ADAL" clId="{E2D1C6CA-B12F-5FDF-832A-691E0E915A24}" dt="2026-06-23T08:36:03.770" v="1846" actId="478"/>
          <ac:cxnSpMkLst>
            <pc:docMk/>
            <pc:sldMk cId="1605898677" sldId="5493"/>
            <ac:cxnSpMk id="182" creationId="{6B1BE27E-A12A-F69A-0EB3-27028DA9B389}"/>
          </ac:cxnSpMkLst>
        </pc:cxnChg>
        <pc:cxnChg chg="add mod">
          <ac:chgData name="Luca Egoriti" userId="86980d32-e207-4caf-a8f6-6de1447eb40a" providerId="ADAL" clId="{E2D1C6CA-B12F-5FDF-832A-691E0E915A24}" dt="2026-06-23T08:35:35.181" v="1833" actId="571"/>
          <ac:cxnSpMkLst>
            <pc:docMk/>
            <pc:sldMk cId="1605898677" sldId="5493"/>
            <ac:cxnSpMk id="187" creationId="{EB8CCB41-4F98-2D1C-F2E4-4726698E559E}"/>
          </ac:cxnSpMkLst>
        </pc:cxnChg>
        <pc:cxnChg chg="add del mod">
          <ac:chgData name="Luca Egoriti" userId="86980d32-e207-4caf-a8f6-6de1447eb40a" providerId="ADAL" clId="{E2D1C6CA-B12F-5FDF-832A-691E0E915A24}" dt="2026-06-23T08:36:03.770" v="1846" actId="478"/>
          <ac:cxnSpMkLst>
            <pc:docMk/>
            <pc:sldMk cId="1605898677" sldId="5493"/>
            <ac:cxnSpMk id="189" creationId="{711DD880-73B5-4EEA-DAF4-FCA14BA8693F}"/>
          </ac:cxnSpMkLst>
        </pc:cxnChg>
        <pc:cxnChg chg="del">
          <ac:chgData name="Luca Egoriti" userId="86980d32-e207-4caf-a8f6-6de1447eb40a" providerId="ADAL" clId="{E2D1C6CA-B12F-5FDF-832A-691E0E915A24}" dt="2026-06-23T08:36:03.770" v="1846" actId="478"/>
          <ac:cxnSpMkLst>
            <pc:docMk/>
            <pc:sldMk cId="1605898677" sldId="5493"/>
            <ac:cxnSpMk id="190" creationId="{8963BE0E-BBD2-6857-975F-72E0F2144DFD}"/>
          </ac:cxnSpMkLst>
        </pc:cxnChg>
        <pc:cxnChg chg="mod">
          <ac:chgData name="Luca Egoriti" userId="86980d32-e207-4caf-a8f6-6de1447eb40a" providerId="ADAL" clId="{E2D1C6CA-B12F-5FDF-832A-691E0E915A24}" dt="2026-06-23T08:33:31.378" v="1798" actId="1038"/>
          <ac:cxnSpMkLst>
            <pc:docMk/>
            <pc:sldMk cId="1605898677" sldId="5493"/>
            <ac:cxnSpMk id="261" creationId="{BF796591-D821-888B-7EDA-E53CD6439576}"/>
          </ac:cxnSpMkLst>
        </pc:cxnChg>
        <pc:cxnChg chg="mod">
          <ac:chgData name="Luca Egoriti" userId="86980d32-e207-4caf-a8f6-6de1447eb40a" providerId="ADAL" clId="{E2D1C6CA-B12F-5FDF-832A-691E0E915A24}" dt="2026-06-23T08:31:02.441" v="1574" actId="1037"/>
          <ac:cxnSpMkLst>
            <pc:docMk/>
            <pc:sldMk cId="1605898677" sldId="5493"/>
            <ac:cxnSpMk id="262" creationId="{13E416DB-8DDD-DCAD-62AF-1B49C1CF95C3}"/>
          </ac:cxnSpMkLst>
        </pc:cxnChg>
        <pc:cxnChg chg="del">
          <ac:chgData name="Luca Egoriti" userId="86980d32-e207-4caf-a8f6-6de1447eb40a" providerId="ADAL" clId="{E2D1C6CA-B12F-5FDF-832A-691E0E915A24}" dt="2026-06-23T08:20:03.090" v="1243" actId="478"/>
          <ac:cxnSpMkLst>
            <pc:docMk/>
            <pc:sldMk cId="1605898677" sldId="5493"/>
            <ac:cxnSpMk id="263" creationId="{7CE78599-D68C-07E3-2350-92EF173E873B}"/>
          </ac:cxnSpMkLst>
        </pc:cxnChg>
        <pc:cxnChg chg="del">
          <ac:chgData name="Luca Egoriti" userId="86980d32-e207-4caf-a8f6-6de1447eb40a" providerId="ADAL" clId="{E2D1C6CA-B12F-5FDF-832A-691E0E915A24}" dt="2026-06-23T08:20:03.090" v="1243" actId="478"/>
          <ac:cxnSpMkLst>
            <pc:docMk/>
            <pc:sldMk cId="1605898677" sldId="5493"/>
            <ac:cxnSpMk id="264" creationId="{5F2F5EA2-4E03-4162-761D-D67B391C3A6C}"/>
          </ac:cxnSpMkLst>
        </pc:cxnChg>
        <pc:cxnChg chg="del">
          <ac:chgData name="Luca Egoriti" userId="86980d32-e207-4caf-a8f6-6de1447eb40a" providerId="ADAL" clId="{E2D1C6CA-B12F-5FDF-832A-691E0E915A24}" dt="2026-06-23T08:20:03.090" v="1243" actId="478"/>
          <ac:cxnSpMkLst>
            <pc:docMk/>
            <pc:sldMk cId="1605898677" sldId="5493"/>
            <ac:cxnSpMk id="265" creationId="{37425A7E-F350-BD51-77CD-953B7C452A03}"/>
          </ac:cxnSpMkLst>
        </pc:cxnChg>
        <pc:cxnChg chg="del">
          <ac:chgData name="Luca Egoriti" userId="86980d32-e207-4caf-a8f6-6de1447eb40a" providerId="ADAL" clId="{E2D1C6CA-B12F-5FDF-832A-691E0E915A24}" dt="2026-06-23T08:20:03.090" v="1243" actId="478"/>
          <ac:cxnSpMkLst>
            <pc:docMk/>
            <pc:sldMk cId="1605898677" sldId="5493"/>
            <ac:cxnSpMk id="266" creationId="{0E5244E4-54D8-15C0-BD4F-C03DEF889AB3}"/>
          </ac:cxnSpMkLst>
        </pc:cxnChg>
        <pc:cxnChg chg="mod">
          <ac:chgData name="Luca Egoriti" userId="86980d32-e207-4caf-a8f6-6de1447eb40a" providerId="ADAL" clId="{E2D1C6CA-B12F-5FDF-832A-691E0E915A24}" dt="2026-06-23T08:33:03.933" v="1732" actId="1038"/>
          <ac:cxnSpMkLst>
            <pc:docMk/>
            <pc:sldMk cId="1605898677" sldId="5493"/>
            <ac:cxnSpMk id="306" creationId="{2AAA6F29-7417-246B-9DE9-3C801C46727E}"/>
          </ac:cxnSpMkLst>
        </pc:cxnChg>
        <pc:cxnChg chg="mod">
          <ac:chgData name="Luca Egoriti" userId="86980d32-e207-4caf-a8f6-6de1447eb40a" providerId="ADAL" clId="{E2D1C6CA-B12F-5FDF-832A-691E0E915A24}" dt="2026-06-23T08:33:15.594" v="1751" actId="1038"/>
          <ac:cxnSpMkLst>
            <pc:docMk/>
            <pc:sldMk cId="1605898677" sldId="5493"/>
            <ac:cxnSpMk id="307" creationId="{A9AAE807-D526-B943-E14F-95114A222A44}"/>
          </ac:cxnSpMkLst>
        </pc:cxnChg>
        <pc:cxnChg chg="mod">
          <ac:chgData name="Luca Egoriti" userId="86980d32-e207-4caf-a8f6-6de1447eb40a" providerId="ADAL" clId="{E2D1C6CA-B12F-5FDF-832A-691E0E915A24}" dt="2026-06-23T08:33:24.185" v="1777" actId="1037"/>
          <ac:cxnSpMkLst>
            <pc:docMk/>
            <pc:sldMk cId="1605898677" sldId="5493"/>
            <ac:cxnSpMk id="308" creationId="{B0466962-DCEB-B63B-AC6D-1E3706C32568}"/>
          </ac:cxnSpMkLst>
        </pc:cxnChg>
        <pc:cxnChg chg="mod">
          <ac:chgData name="Luca Egoriti" userId="86980d32-e207-4caf-a8f6-6de1447eb40a" providerId="ADAL" clId="{E2D1C6CA-B12F-5FDF-832A-691E0E915A24}" dt="2026-06-23T08:33:31.378" v="1798" actId="1038"/>
          <ac:cxnSpMkLst>
            <pc:docMk/>
            <pc:sldMk cId="1605898677" sldId="5493"/>
            <ac:cxnSpMk id="309" creationId="{C5463055-B121-0B94-275C-E715D309C057}"/>
          </ac:cxnSpMkLst>
        </pc:cxnChg>
      </pc:sldChg>
      <pc:sldChg chg="add">
        <pc:chgData name="Luca Egoriti" userId="86980d32-e207-4caf-a8f6-6de1447eb40a" providerId="ADAL" clId="{E2D1C6CA-B12F-5FDF-832A-691E0E915A24}" dt="2026-06-23T09:11:32.157" v="2444"/>
        <pc:sldMkLst>
          <pc:docMk/>
          <pc:sldMk cId="842387156" sldId="5494"/>
        </pc:sldMkLst>
      </pc:sldChg>
      <pc:sldMasterChg chg="modSldLayout">
        <pc:chgData name="Luca Egoriti" userId="86980d32-e207-4caf-a8f6-6de1447eb40a" providerId="ADAL" clId="{E2D1C6CA-B12F-5FDF-832A-691E0E915A24}" dt="2026-06-22T03:55:05.955" v="123" actId="478"/>
        <pc:sldMasterMkLst>
          <pc:docMk/>
          <pc:sldMasterMk cId="343163237" sldId="2147483648"/>
        </pc:sldMasterMkLst>
        <pc:sldLayoutChg chg="delSp mod">
          <pc:chgData name="Luca Egoriti" userId="86980d32-e207-4caf-a8f6-6de1447eb40a" providerId="ADAL" clId="{E2D1C6CA-B12F-5FDF-832A-691E0E915A24}" dt="2026-06-22T03:55:05.955" v="123" actId="478"/>
          <pc:sldLayoutMkLst>
            <pc:docMk/>
            <pc:sldMasterMk cId="343163237" sldId="2147483648"/>
            <pc:sldLayoutMk cId="1629817646" sldId="2147483658"/>
          </pc:sldLayoutMkLst>
          <pc:spChg chg="del">
            <ac:chgData name="Luca Egoriti" userId="86980d32-e207-4caf-a8f6-6de1447eb40a" providerId="ADAL" clId="{E2D1C6CA-B12F-5FDF-832A-691E0E915A24}" dt="2026-06-22T03:55:01.441" v="121" actId="478"/>
            <ac:spMkLst>
              <pc:docMk/>
              <pc:sldMasterMk cId="343163237" sldId="2147483648"/>
              <pc:sldLayoutMk cId="1629817646" sldId="2147483658"/>
              <ac:spMk id="5" creationId="{00000000-0000-0000-0000-000000000000}"/>
            </ac:spMkLst>
          </pc:spChg>
          <pc:spChg chg="del">
            <ac:chgData name="Luca Egoriti" userId="86980d32-e207-4caf-a8f6-6de1447eb40a" providerId="ADAL" clId="{E2D1C6CA-B12F-5FDF-832A-691E0E915A24}" dt="2026-06-22T03:55:05.955" v="123" actId="478"/>
            <ac:spMkLst>
              <pc:docMk/>
              <pc:sldMasterMk cId="343163237" sldId="2147483648"/>
              <pc:sldLayoutMk cId="1629817646" sldId="2147483658"/>
              <ac:spMk id="8" creationId="{00000000-0000-0000-0000-000000000000}"/>
            </ac:spMkLst>
          </pc:spChg>
          <pc:spChg chg="del">
            <ac:chgData name="Luca Egoriti" userId="86980d32-e207-4caf-a8f6-6de1447eb40a" providerId="ADAL" clId="{E2D1C6CA-B12F-5FDF-832A-691E0E915A24}" dt="2026-06-22T03:55:03.979" v="122" actId="478"/>
            <ac:spMkLst>
              <pc:docMk/>
              <pc:sldMasterMk cId="343163237" sldId="2147483648"/>
              <pc:sldLayoutMk cId="1629817646" sldId="2147483658"/>
              <ac:spMk id="16" creationId="{0360211F-7642-4113-992B-E304E29A6E57}"/>
            </ac:spMkLst>
          </pc:spChg>
          <pc:picChg chg="del">
            <ac:chgData name="Luca Egoriti" userId="86980d32-e207-4caf-a8f6-6de1447eb40a" providerId="ADAL" clId="{E2D1C6CA-B12F-5FDF-832A-691E0E915A24}" dt="2026-06-22T03:54:58.415" v="120" actId="478"/>
            <ac:picMkLst>
              <pc:docMk/>
              <pc:sldMasterMk cId="343163237" sldId="2147483648"/>
              <pc:sldLayoutMk cId="1629817646" sldId="2147483658"/>
              <ac:picMk id="4" creationId="{00000000-0000-0000-0000-000000000000}"/>
            </ac:picMkLst>
          </pc:picChg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1FA28B2-28B8-364D-9670-4B162B54CA37}" type="datetimeFigureOut">
              <a:rPr lang="en-US" smtClean="0"/>
              <a:t>6/23/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A315AF5-5D84-804C-BA78-8F8C3143524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902083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E2487CE-4BC8-F744-A3DE-180CA8258505}" type="datetimeFigureOut">
              <a:rPr lang="en-US" smtClean="0"/>
              <a:t>6/23/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6476310-DAD6-EE4F-ABB6-4124C82A748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268416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RIUMF operates at the interface between academia, government, and industry – the three pillars of Canada’s research and innovation ecosystem.</a:t>
            </a:r>
          </a:p>
          <a:p>
            <a:r>
              <a:rPr lang="en-US" sz="1200" kern="1200" dirty="0">
                <a:solidFill>
                  <a:schemeClr val="bg1"/>
                </a:solidFill>
                <a:latin typeface="+mn-lt"/>
                <a:ea typeface="+mn-ea"/>
                <a:cs typeface="Arial"/>
              </a:rPr>
              <a:t>Our multidisciplinary community uses its world-class accelerator infrastructure to drive leading-edge research that delivers impact in </a:t>
            </a:r>
            <a:r>
              <a:rPr lang="en-US" sz="1200" b="1" kern="1200" dirty="0">
                <a:solidFill>
                  <a:schemeClr val="bg1"/>
                </a:solidFill>
                <a:latin typeface="+mn-lt"/>
                <a:ea typeface="+mn-ea"/>
                <a:cs typeface="Arial"/>
              </a:rPr>
              <a:t>science, medicine, and industry </a:t>
            </a:r>
            <a:endParaRPr lang="en-US" sz="1200" b="1" kern="1200" dirty="0">
              <a:solidFill>
                <a:schemeClr val="bg1"/>
              </a:solidFill>
              <a:highlight>
                <a:srgbClr val="FFFF00"/>
              </a:highlight>
              <a:latin typeface="+mn-lt"/>
              <a:ea typeface="+mn-ea"/>
              <a:cs typeface="Arial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EF08EE0-F671-5A48-AE26-ED94D7DF6D58}" type="slidenum">
              <a:rPr lang="en-US" smtClean="0"/>
              <a:t>3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BDCE725-EE96-A541-F8F0-EBE560FEAD75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8/28/2023</a:t>
            </a:r>
          </a:p>
        </p:txBody>
      </p:sp>
    </p:spTree>
    <p:extLst>
      <p:ext uri="{BB962C8B-B14F-4D97-AF65-F5344CB8AC3E}">
        <p14:creationId xmlns:p14="http://schemas.microsoft.com/office/powerpoint/2010/main" val="12503147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6476310-DAD6-EE4F-ABB6-4124C82A748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095994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476310-DAD6-EE4F-ABB6-4124C82A7486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190351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EF08EE0-F671-5A48-AE26-ED94D7DF6D58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9676736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4">
            <a:extLst>
              <a:ext uri="{FF2B5EF4-FFF2-40B4-BE49-F238E27FC236}">
                <a16:creationId xmlns:a16="http://schemas.microsoft.com/office/drawing/2014/main" id="{E7621398-23D7-42CB-8845-E1D92A447AC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10130" y="971847"/>
            <a:ext cx="10450005" cy="1455595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48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Presentation Title—Arial Bold 40-Cyan Blu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B229260F-EA91-4104-97C5-235E8A16644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99045" y="2831930"/>
            <a:ext cx="4251252" cy="2100720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8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Presenter’s Name</a:t>
            </a:r>
          </a:p>
          <a:p>
            <a:pPr lvl="0"/>
            <a:endParaRPr lang="en-US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390CC86-5CAB-485A-9479-B495ED403D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5680" y="204095"/>
            <a:ext cx="2245147" cy="403910"/>
          </a:xfrm>
          <a:prstGeom prst="rect">
            <a:avLst/>
          </a:prstGeom>
        </p:spPr>
      </p:pic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67527357-2187-4D31-A17E-F7368AA9CECA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087937" y="6442823"/>
            <a:ext cx="3894389" cy="34189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2000" b="0" i="0" baseline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Conference Name and Session</a:t>
            </a:r>
          </a:p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41832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F8E902-ADCA-455A-ADA8-458F2BD8F5B2}" type="datetimeFigureOut">
              <a:rPr lang="en-CA" smtClean="0"/>
              <a:t>2026-06-23</a:t>
            </a:fld>
            <a:endParaRPr lang="en-C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41DE15-18D3-4E2F-9E4A-A34F7A85E12A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2528202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d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10132" y="205595"/>
            <a:ext cx="10450005" cy="606574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8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Bold 24-Cyan Blue</a:t>
            </a:r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Content Placeholder 16">
            <a:extLst>
              <a:ext uri="{FF2B5EF4-FFF2-40B4-BE49-F238E27FC236}">
                <a16:creationId xmlns:a16="http://schemas.microsoft.com/office/drawing/2014/main" id="{4F50C3FB-677A-4824-83C3-D879A44A57F1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822325" y="1316183"/>
            <a:ext cx="4578882" cy="2937765"/>
          </a:xfrm>
          <a:prstGeom prst="rect">
            <a:avLst/>
          </a:prstGeom>
        </p:spPr>
        <p:txBody>
          <a:bodyPr/>
          <a:lstStyle>
            <a:lvl1pPr>
              <a:defRPr sz="24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>
              <a:defRPr sz="2000"/>
            </a:lvl2pPr>
            <a:lvl3pPr>
              <a:defRPr sz="1800"/>
            </a:lvl3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Click to edit Master text styles</a:t>
            </a:r>
          </a:p>
          <a:p>
            <a:pPr marL="228600" marR="0" lvl="1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Second level</a:t>
            </a:r>
          </a:p>
          <a:p>
            <a:pPr marL="228600" marR="0" lvl="2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358692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chemeClr val="tx1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Content Placeholder 16">
            <a:extLst>
              <a:ext uri="{FF2B5EF4-FFF2-40B4-BE49-F238E27FC236}">
                <a16:creationId xmlns:a16="http://schemas.microsoft.com/office/drawing/2014/main" id="{4F50C3FB-677A-4824-83C3-D879A44A57F1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1244924" y="837751"/>
            <a:ext cx="3254019" cy="46134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>
              <a:defRPr sz="2000"/>
            </a:lvl2pPr>
            <a:lvl3pPr>
              <a:defRPr sz="1800"/>
            </a:lvl3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16">
            <a:extLst>
              <a:ext uri="{FF2B5EF4-FFF2-40B4-BE49-F238E27FC236}">
                <a16:creationId xmlns:a16="http://schemas.microsoft.com/office/drawing/2014/main" id="{4F50C3FB-677A-4824-83C3-D879A44A57F1}"/>
              </a:ext>
            </a:extLst>
          </p:cNvPr>
          <p:cNvSpPr>
            <a:spLocks noGrp="1"/>
          </p:cNvSpPr>
          <p:nvPr>
            <p:ph sz="quarter" idx="27"/>
          </p:nvPr>
        </p:nvSpPr>
        <p:spPr>
          <a:xfrm>
            <a:off x="4522653" y="2128165"/>
            <a:ext cx="3254019" cy="281130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>
              <a:defRPr sz="2000"/>
            </a:lvl2pPr>
            <a:lvl3pPr>
              <a:defRPr sz="1800"/>
            </a:lvl3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73985665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g imag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04105" y="648096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23" hasCustomPrompt="1"/>
          </p:nvPr>
        </p:nvSpPr>
        <p:spPr>
          <a:xfrm>
            <a:off x="822325" y="6469063"/>
            <a:ext cx="3302966" cy="38893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900" b="0" i="1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/>
              <a:t>Information Source-Arial Italic 9-Cyan Blue</a:t>
            </a:r>
          </a:p>
        </p:txBody>
      </p:sp>
      <p:sp>
        <p:nvSpPr>
          <p:cNvPr id="13" name="Text Placeholder 6"/>
          <p:cNvSpPr>
            <a:spLocks noGrp="1"/>
          </p:cNvSpPr>
          <p:nvPr>
            <p:ph type="body" sz="quarter" idx="25" hasCustomPrompt="1"/>
          </p:nvPr>
        </p:nvSpPr>
        <p:spPr>
          <a:xfrm>
            <a:off x="6573838" y="1316183"/>
            <a:ext cx="4686300" cy="6905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0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lvl="0"/>
            <a:r>
              <a:rPr lang="en-US"/>
              <a:t>Bulleted List-Arial Bold 20-Cyan Blue</a:t>
            </a:r>
          </a:p>
        </p:txBody>
      </p:sp>
      <p:sp>
        <p:nvSpPr>
          <p:cNvPr id="17" name="Content Placeholder 16"/>
          <p:cNvSpPr>
            <a:spLocks noGrp="1"/>
          </p:cNvSpPr>
          <p:nvPr>
            <p:ph sz="quarter" idx="26"/>
          </p:nvPr>
        </p:nvSpPr>
        <p:spPr>
          <a:xfrm>
            <a:off x="822325" y="1316183"/>
            <a:ext cx="5075238" cy="5045027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quarter" idx="29" hasCustomPrompt="1"/>
          </p:nvPr>
        </p:nvSpPr>
        <p:spPr>
          <a:xfrm>
            <a:off x="6573838" y="2214976"/>
            <a:ext cx="4968875" cy="3623435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</p:txBody>
      </p:sp>
      <p:sp>
        <p:nvSpPr>
          <p:cNvPr id="12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10132" y="205595"/>
            <a:ext cx="10450005" cy="1014516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4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Bold 24-Cyan Blue</a:t>
            </a:r>
          </a:p>
        </p:txBody>
      </p:sp>
      <p:sp>
        <p:nvSpPr>
          <p:cNvPr id="9" name="Text Placeholder 10"/>
          <p:cNvSpPr>
            <a:spLocks noGrp="1"/>
          </p:cNvSpPr>
          <p:nvPr>
            <p:ph type="body" sz="quarter" idx="18" hasCustomPrompt="1"/>
          </p:nvPr>
        </p:nvSpPr>
        <p:spPr>
          <a:xfrm>
            <a:off x="4333875" y="6346825"/>
            <a:ext cx="3987800" cy="33020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1200" b="0" i="1" baseline="0">
                <a:solidFill>
                  <a:srgbClr val="00B0F0"/>
                </a:solidFill>
              </a:defRPr>
            </a:lvl1pPr>
            <a:lvl2pPr>
              <a:defRPr sz="1200" b="1" i="1"/>
            </a:lvl2pPr>
            <a:lvl3pPr>
              <a:defRPr sz="1200" b="1" i="1"/>
            </a:lvl3pPr>
            <a:lvl4pPr>
              <a:defRPr sz="1200" b="1" i="1"/>
            </a:lvl4pPr>
            <a:lvl5pPr>
              <a:defRPr sz="1200" b="1" i="1"/>
            </a:lvl5pPr>
          </a:lstStyle>
          <a:p>
            <a:pPr lvl="0"/>
            <a:r>
              <a:rPr lang="en-US"/>
              <a:t>Author’s Full Name</a:t>
            </a:r>
          </a:p>
        </p:txBody>
      </p:sp>
    </p:spTree>
    <p:extLst>
      <p:ext uri="{BB962C8B-B14F-4D97-AF65-F5344CB8AC3E}">
        <p14:creationId xmlns:p14="http://schemas.microsoft.com/office/powerpoint/2010/main" val="23557310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04105" y="648096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23" hasCustomPrompt="1"/>
          </p:nvPr>
        </p:nvSpPr>
        <p:spPr>
          <a:xfrm>
            <a:off x="822325" y="6469063"/>
            <a:ext cx="2795518" cy="38893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900" b="0" i="1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Information Source-Arial Italic 9-Cyan Blue</a:t>
            </a:r>
          </a:p>
        </p:txBody>
      </p:sp>
      <p:sp>
        <p:nvSpPr>
          <p:cNvPr id="12" name="Content Placeholder 16"/>
          <p:cNvSpPr>
            <a:spLocks noGrp="1"/>
          </p:cNvSpPr>
          <p:nvPr>
            <p:ph sz="quarter" idx="26"/>
          </p:nvPr>
        </p:nvSpPr>
        <p:spPr>
          <a:xfrm>
            <a:off x="836214" y="1590784"/>
            <a:ext cx="2387539" cy="2421892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18" name="Content Placeholder 16"/>
          <p:cNvSpPr>
            <a:spLocks noGrp="1"/>
          </p:cNvSpPr>
          <p:nvPr>
            <p:ph sz="quarter" idx="32"/>
          </p:nvPr>
        </p:nvSpPr>
        <p:spPr>
          <a:xfrm>
            <a:off x="9123108" y="1590784"/>
            <a:ext cx="2387539" cy="4652855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20" name="Content Placeholder 16"/>
          <p:cNvSpPr>
            <a:spLocks noGrp="1"/>
          </p:cNvSpPr>
          <p:nvPr>
            <p:ph sz="quarter" idx="34"/>
          </p:nvPr>
        </p:nvSpPr>
        <p:spPr>
          <a:xfrm>
            <a:off x="6346062" y="3730001"/>
            <a:ext cx="2387539" cy="2513638"/>
          </a:xfrm>
          <a:prstGeom prst="rect">
            <a:avLst/>
          </a:prstGeom>
        </p:spPr>
        <p:txBody>
          <a:bodyPr/>
          <a:lstStyle>
            <a:lvl1pPr>
              <a:defRPr sz="2000" b="0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26" name="Text Placeholder 4"/>
          <p:cNvSpPr>
            <a:spLocks noGrp="1"/>
          </p:cNvSpPr>
          <p:nvPr>
            <p:ph type="body" sz="quarter" idx="38" hasCustomPrompt="1"/>
          </p:nvPr>
        </p:nvSpPr>
        <p:spPr>
          <a:xfrm>
            <a:off x="3598511" y="1590783"/>
            <a:ext cx="2387539" cy="916319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ct val="100000"/>
              </a:lnSpc>
              <a:buFontTx/>
              <a:buNone/>
              <a:defRPr sz="20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ection Title—Arial Bold 20-Cyan Blue</a:t>
            </a:r>
          </a:p>
        </p:txBody>
      </p:sp>
      <p:sp>
        <p:nvSpPr>
          <p:cNvPr id="25" name="Text Placeholder 3"/>
          <p:cNvSpPr>
            <a:spLocks noGrp="1"/>
          </p:cNvSpPr>
          <p:nvPr>
            <p:ph type="body" sz="quarter" idx="29" hasCustomPrompt="1"/>
          </p:nvPr>
        </p:nvSpPr>
        <p:spPr>
          <a:xfrm>
            <a:off x="3598511" y="2732526"/>
            <a:ext cx="2387539" cy="3511113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  <a:p>
            <a:pPr lvl="0"/>
            <a:r>
              <a:rPr lang="en-US"/>
              <a:t>Type can get bigger, but no smaller.</a:t>
            </a:r>
          </a:p>
        </p:txBody>
      </p:sp>
      <p:sp>
        <p:nvSpPr>
          <p:cNvPr id="27" name="Text Placeholder 3"/>
          <p:cNvSpPr>
            <a:spLocks noGrp="1"/>
          </p:cNvSpPr>
          <p:nvPr>
            <p:ph type="body" sz="quarter" idx="39" hasCustomPrompt="1"/>
          </p:nvPr>
        </p:nvSpPr>
        <p:spPr>
          <a:xfrm>
            <a:off x="836212" y="4234195"/>
            <a:ext cx="2387539" cy="2009444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</p:txBody>
      </p:sp>
      <p:sp>
        <p:nvSpPr>
          <p:cNvPr id="28" name="Text Placeholder 3"/>
          <p:cNvSpPr>
            <a:spLocks noGrp="1"/>
          </p:cNvSpPr>
          <p:nvPr>
            <p:ph type="body" sz="quarter" idx="40" hasCustomPrompt="1"/>
          </p:nvPr>
        </p:nvSpPr>
        <p:spPr>
          <a:xfrm>
            <a:off x="6346060" y="1561078"/>
            <a:ext cx="2387539" cy="1893459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defRPr sz="2000" b="0" i="0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1400" b="0" i="0">
                <a:latin typeface="Arial" charset="0"/>
                <a:ea typeface="Arial" charset="0"/>
                <a:cs typeface="Arial" charset="0"/>
              </a:defRPr>
            </a:lvl2pPr>
            <a:lvl3pPr>
              <a:defRPr sz="1400" b="0" i="0">
                <a:latin typeface="Arial" charset="0"/>
                <a:ea typeface="Arial" charset="0"/>
                <a:cs typeface="Arial" charset="0"/>
              </a:defRPr>
            </a:lvl3pPr>
            <a:lvl4pPr>
              <a:defRPr sz="1400" b="0" i="0">
                <a:latin typeface="Arial" charset="0"/>
                <a:ea typeface="Arial" charset="0"/>
                <a:cs typeface="Arial" charset="0"/>
              </a:defRPr>
            </a:lvl4pPr>
            <a:lvl5pPr>
              <a:defRPr sz="1400" b="0" i="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Arial Regular 20 is the default type for paragraphs (in black).</a:t>
            </a:r>
          </a:p>
        </p:txBody>
      </p:sp>
      <p:sp>
        <p:nvSpPr>
          <p:cNvPr id="15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10132" y="205595"/>
            <a:ext cx="10450005" cy="1014516"/>
          </a:xfrm>
          <a:prstGeom prst="rect">
            <a:avLst/>
          </a:prstGeom>
        </p:spPr>
        <p:txBody>
          <a:bodyPr/>
          <a:lstStyle>
            <a:lvl1pPr marL="0" indent="0" algn="l">
              <a:buFontTx/>
              <a:buNone/>
              <a:defRPr sz="24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Bold 24-Cyan Blue</a:t>
            </a:r>
          </a:p>
        </p:txBody>
      </p:sp>
      <p:sp>
        <p:nvSpPr>
          <p:cNvPr id="13" name="Text Placeholder 10"/>
          <p:cNvSpPr>
            <a:spLocks noGrp="1"/>
          </p:cNvSpPr>
          <p:nvPr>
            <p:ph type="body" sz="quarter" idx="18" hasCustomPrompt="1"/>
          </p:nvPr>
        </p:nvSpPr>
        <p:spPr>
          <a:xfrm>
            <a:off x="4333875" y="6346825"/>
            <a:ext cx="3987800" cy="33020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1200" b="0" i="1" baseline="0">
                <a:solidFill>
                  <a:srgbClr val="00B0F0"/>
                </a:solidFill>
              </a:defRPr>
            </a:lvl1pPr>
            <a:lvl2pPr>
              <a:defRPr sz="1200" b="1" i="1"/>
            </a:lvl2pPr>
            <a:lvl3pPr>
              <a:defRPr sz="1200" b="1" i="1"/>
            </a:lvl3pPr>
            <a:lvl4pPr>
              <a:defRPr sz="1200" b="1" i="1"/>
            </a:lvl4pPr>
            <a:lvl5pPr>
              <a:defRPr sz="1200" b="1" i="1"/>
            </a:lvl5pPr>
          </a:lstStyle>
          <a:p>
            <a:pPr lvl="0"/>
            <a:r>
              <a:rPr lang="en-US"/>
              <a:t>Author’s Full Name</a:t>
            </a:r>
          </a:p>
        </p:txBody>
      </p:sp>
    </p:spTree>
    <p:extLst>
      <p:ext uri="{BB962C8B-B14F-4D97-AF65-F5344CB8AC3E}">
        <p14:creationId xmlns:p14="http://schemas.microsoft.com/office/powerpoint/2010/main" val="20764452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872083" y="613010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21" hasCustomPrompt="1"/>
          </p:nvPr>
        </p:nvSpPr>
        <p:spPr>
          <a:xfrm>
            <a:off x="898446" y="1655456"/>
            <a:ext cx="10450005" cy="3361388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8800" b="1" i="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>
              <a:buFontTx/>
              <a:buNone/>
              <a:defRPr sz="2000" b="1" i="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Slide Title—Arial Italic 24-Cyan Blue</a:t>
            </a:r>
          </a:p>
        </p:txBody>
      </p:sp>
    </p:spTree>
    <p:extLst>
      <p:ext uri="{BB962C8B-B14F-4D97-AF65-F5344CB8AC3E}">
        <p14:creationId xmlns:p14="http://schemas.microsoft.com/office/powerpoint/2010/main" val="16199453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04105" y="6480968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900" b="0" i="0">
                <a:solidFill>
                  <a:srgbClr val="00B0F0"/>
                </a:solidFill>
                <a:latin typeface="+mn-lt"/>
                <a:ea typeface="Arial" charset="0"/>
                <a:cs typeface="Arial" charset="0"/>
              </a:defRPr>
            </a:lvl1pPr>
          </a:lstStyle>
          <a:p>
            <a:fld id="{72890513-E58D-2644-ACDB-E89B1349FCE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Text Placeholder 10"/>
          <p:cNvSpPr>
            <a:spLocks noGrp="1"/>
          </p:cNvSpPr>
          <p:nvPr>
            <p:ph type="body" sz="quarter" idx="18" hasCustomPrompt="1"/>
          </p:nvPr>
        </p:nvSpPr>
        <p:spPr>
          <a:xfrm>
            <a:off x="4333875" y="6346825"/>
            <a:ext cx="3987800" cy="330200"/>
          </a:xfrm>
          <a:prstGeom prst="rect">
            <a:avLst/>
          </a:prstGeom>
        </p:spPr>
        <p:txBody>
          <a:bodyPr/>
          <a:lstStyle>
            <a:lvl1pPr marL="0" indent="0" algn="ctr">
              <a:buFontTx/>
              <a:buNone/>
              <a:defRPr sz="1200" b="0" i="1" baseline="0">
                <a:solidFill>
                  <a:srgbClr val="00B0F0"/>
                </a:solidFill>
              </a:defRPr>
            </a:lvl1pPr>
            <a:lvl2pPr>
              <a:defRPr sz="1200" b="1" i="1"/>
            </a:lvl2pPr>
            <a:lvl3pPr>
              <a:defRPr sz="1200" b="1" i="1"/>
            </a:lvl3pPr>
            <a:lvl4pPr>
              <a:defRPr sz="1200" b="1" i="1"/>
            </a:lvl4pPr>
            <a:lvl5pPr>
              <a:defRPr sz="1200" b="1" i="1"/>
            </a:lvl5pPr>
          </a:lstStyle>
          <a:p>
            <a:pPr lvl="0"/>
            <a:r>
              <a:rPr lang="en-US"/>
              <a:t>Author’s Full Name</a:t>
            </a: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1403106" y="0"/>
            <a:ext cx="788893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0194" y="497958"/>
            <a:ext cx="3703870" cy="666340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 rot="16200000">
            <a:off x="10098877" y="4771510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61743" y="2032776"/>
            <a:ext cx="3938833" cy="15819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4000" b="0" i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/>
              <a:t>Thank you</a:t>
            </a:r>
            <a:br>
              <a:rPr lang="en-US"/>
            </a:br>
            <a:r>
              <a:rPr lang="en-US">
                <a:solidFill>
                  <a:srgbClr val="00B0F0"/>
                </a:solidFill>
              </a:rPr>
              <a:t>Merci</a:t>
            </a:r>
            <a:endParaRPr lang="en-US"/>
          </a:p>
        </p:txBody>
      </p:sp>
      <p:sp>
        <p:nvSpPr>
          <p:cNvPr id="9" name="Text Placeholder 12"/>
          <p:cNvSpPr>
            <a:spLocks noGrp="1"/>
          </p:cNvSpPr>
          <p:nvPr>
            <p:ph type="body" sz="quarter" idx="10" hasCustomPrompt="1"/>
          </p:nvPr>
        </p:nvSpPr>
        <p:spPr>
          <a:xfrm>
            <a:off x="661988" y="4493174"/>
            <a:ext cx="3938587" cy="781188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1800"/>
            </a:lvl1pPr>
            <a:lvl3pPr marL="914400" indent="0">
              <a:buFontTx/>
              <a:buNone/>
              <a:defRPr/>
            </a:lvl3pPr>
          </a:lstStyle>
          <a:p>
            <a:pPr lvl="0"/>
            <a:r>
              <a:rPr lang="en-US"/>
              <a:t>Social Handle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401651E-5B15-4189-8944-DA0276DCBB2C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589683" y="497958"/>
            <a:ext cx="3173049" cy="666340"/>
          </a:xfrm>
          <a:prstGeom prst="rect">
            <a:avLst/>
          </a:prstGeom>
        </p:spPr>
      </p:pic>
      <p:pic>
        <p:nvPicPr>
          <p:cNvPr id="12" name="Picture 11" descr="A close up of a sign&#10;&#10;Description generated with very high confidence">
            <a:extLst>
              <a:ext uri="{FF2B5EF4-FFF2-40B4-BE49-F238E27FC236}">
                <a16:creationId xmlns:a16="http://schemas.microsoft.com/office/drawing/2014/main" id="{A55E6D48-7FD8-4170-9331-2E5D3C1E54E1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4777079" y="497245"/>
            <a:ext cx="3231111" cy="6671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83364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0717075" y="6319112"/>
            <a:ext cx="636727" cy="322851"/>
          </a:xfrm>
          <a:prstGeom prst="rect">
            <a:avLst/>
          </a:prstGeom>
        </p:spPr>
        <p:txBody>
          <a:bodyPr vert="horz" lIns="91440" tIns="45721" rIns="45721" bIns="45721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z="1001" smtClean="0">
                <a:solidFill>
                  <a:srgbClr val="00B0F0"/>
                </a:solidFill>
                <a:latin typeface="Arial" panose="020B0604020202020204"/>
              </a:rPr>
              <a:pPr/>
              <a:t>‹#›</a:t>
            </a:fld>
            <a:endParaRPr lang="en-US" sz="1001">
              <a:solidFill>
                <a:srgbClr val="00B0F0"/>
              </a:solidFill>
              <a:latin typeface="Arial" panose="020B0604020202020204"/>
            </a:endParaRPr>
          </a:p>
        </p:txBody>
      </p:sp>
      <p:sp>
        <p:nvSpPr>
          <p:cNvPr id="9" name="Title 9">
            <a:extLst>
              <a:ext uri="{FF2B5EF4-FFF2-40B4-BE49-F238E27FC236}">
                <a16:creationId xmlns:a16="http://schemas.microsoft.com/office/drawing/2014/main" id="{E1EA9860-793B-E742-8B95-15AC81A1CA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94806" y="204095"/>
            <a:ext cx="9577143" cy="350306"/>
          </a:xfrm>
          <a:prstGeom prst="rect">
            <a:avLst/>
          </a:prstGeom>
        </p:spPr>
        <p:txBody>
          <a:bodyPr/>
          <a:lstStyle>
            <a:lvl1pPr algn="r">
              <a:defRPr sz="2800" b="0">
                <a:solidFill>
                  <a:srgbClr val="00B0F0"/>
                </a:solidFill>
                <a:latin typeface="+mn-lt"/>
              </a:defRPr>
            </a:lvl1pPr>
          </a:lstStyle>
          <a:p>
            <a:r>
              <a:rPr lang="en-US"/>
              <a:t>Click to edit Master title style</a:t>
            </a: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6298176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431632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0" r:id="rId2"/>
    <p:sldLayoutId id="2147483657" r:id="rId3"/>
    <p:sldLayoutId id="2147483651" r:id="rId4"/>
    <p:sldLayoutId id="2147483652" r:id="rId5"/>
    <p:sldLayoutId id="2147483653" r:id="rId6"/>
    <p:sldLayoutId id="2147483655" r:id="rId7"/>
    <p:sldLayoutId id="2147483656" r:id="rId8"/>
    <p:sldLayoutId id="2147483658" r:id="rId9"/>
    <p:sldLayoutId id="2147483659" r:id="rId10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8.jpeg"/><Relationship Id="rId4" Type="http://schemas.openxmlformats.org/officeDocument/2006/relationships/image" Target="../media/image17.jpe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7" Type="http://schemas.openxmlformats.org/officeDocument/2006/relationships/image" Target="../media/image9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3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5.png"/><Relationship Id="rId4" Type="http://schemas.openxmlformats.org/officeDocument/2006/relationships/image" Target="../media/image23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8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jpe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0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0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7" Type="http://schemas.openxmlformats.org/officeDocument/2006/relationships/image" Target="../media/image38.gif"/><Relationship Id="rId2" Type="http://schemas.openxmlformats.org/officeDocument/2006/relationships/image" Target="../media/image33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3.png"/><Relationship Id="rId3" Type="http://schemas.openxmlformats.org/officeDocument/2006/relationships/slideLayout" Target="../slideLayouts/slideLayout2.xml"/><Relationship Id="rId7" Type="http://schemas.openxmlformats.org/officeDocument/2006/relationships/image" Target="../media/image42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41.png"/><Relationship Id="rId5" Type="http://schemas.openxmlformats.org/officeDocument/2006/relationships/image" Target="../media/image40.png"/><Relationship Id="rId4" Type="http://schemas.openxmlformats.org/officeDocument/2006/relationships/image" Target="../media/image39.png"/></Relationships>
</file>

<file path=ppt/slides/_rels/slide2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image" Target="../media/image44.jpeg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image" Target="../media/image45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slideLayout" Target="../slideLayouts/slideLayout2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image" Target="../media/image46.jpe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png"/><Relationship Id="rId13" Type="http://schemas.openxmlformats.org/officeDocument/2006/relationships/image" Target="../media/image58.png"/><Relationship Id="rId18" Type="http://schemas.openxmlformats.org/officeDocument/2006/relationships/image" Target="../media/image62.png"/><Relationship Id="rId3" Type="http://schemas.openxmlformats.org/officeDocument/2006/relationships/image" Target="../media/image48.png"/><Relationship Id="rId7" Type="http://schemas.openxmlformats.org/officeDocument/2006/relationships/image" Target="../media/image52.png"/><Relationship Id="rId12" Type="http://schemas.openxmlformats.org/officeDocument/2006/relationships/image" Target="../media/image57.png"/><Relationship Id="rId17" Type="http://schemas.openxmlformats.org/officeDocument/2006/relationships/image" Target="../media/image61.jpeg"/><Relationship Id="rId2" Type="http://schemas.openxmlformats.org/officeDocument/2006/relationships/image" Target="../media/image47.jpeg"/><Relationship Id="rId16" Type="http://schemas.openxmlformats.org/officeDocument/2006/relationships/image" Target="../media/image60.png"/><Relationship Id="rId20" Type="http://schemas.openxmlformats.org/officeDocument/2006/relationships/image" Target="../media/image6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1.png"/><Relationship Id="rId11" Type="http://schemas.openxmlformats.org/officeDocument/2006/relationships/image" Target="../media/image56.jpeg"/><Relationship Id="rId5" Type="http://schemas.openxmlformats.org/officeDocument/2006/relationships/image" Target="../media/image50.png"/><Relationship Id="rId15" Type="http://schemas.openxmlformats.org/officeDocument/2006/relationships/image" Target="../media/image59.png"/><Relationship Id="rId10" Type="http://schemas.openxmlformats.org/officeDocument/2006/relationships/image" Target="../media/image55.jpeg"/><Relationship Id="rId19" Type="http://schemas.openxmlformats.org/officeDocument/2006/relationships/image" Target="../media/image63.jpeg"/><Relationship Id="rId4" Type="http://schemas.openxmlformats.org/officeDocument/2006/relationships/image" Target="../media/image49.png"/><Relationship Id="rId9" Type="http://schemas.openxmlformats.org/officeDocument/2006/relationships/image" Target="../media/image54.jpeg"/><Relationship Id="rId14" Type="http://schemas.openxmlformats.org/officeDocument/2006/relationships/image" Target="../media/image1.png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7.emf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jpeg"/><Relationship Id="rId2" Type="http://schemas.openxmlformats.org/officeDocument/2006/relationships/image" Target="../media/image69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2.jpeg"/><Relationship Id="rId4" Type="http://schemas.openxmlformats.org/officeDocument/2006/relationships/image" Target="../media/image71.jpe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image" Target="../media/image7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5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png"/><Relationship Id="rId2" Type="http://schemas.openxmlformats.org/officeDocument/2006/relationships/image" Target="../media/image7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8.jpe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82.jpeg"/><Relationship Id="rId5" Type="http://schemas.openxmlformats.org/officeDocument/2006/relationships/image" Target="../media/image81.jpeg"/><Relationship Id="rId4" Type="http://schemas.openxmlformats.org/officeDocument/2006/relationships/image" Target="../media/image80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7" Type="http://schemas.openxmlformats.org/officeDocument/2006/relationships/image" Target="../media/image36.png"/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4.png"/><Relationship Id="rId5" Type="http://schemas.openxmlformats.org/officeDocument/2006/relationships/image" Target="../media/image83.png"/><Relationship Id="rId4" Type="http://schemas.openxmlformats.org/officeDocument/2006/relationships/image" Target="../media/image31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6.jpeg"/><Relationship Id="rId2" Type="http://schemas.openxmlformats.org/officeDocument/2006/relationships/image" Target="../media/image85.png"/><Relationship Id="rId1" Type="http://schemas.openxmlformats.org/officeDocument/2006/relationships/slideLayout" Target="../slideLayouts/slideLayout9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8.jpeg"/><Relationship Id="rId2" Type="http://schemas.openxmlformats.org/officeDocument/2006/relationships/image" Target="../media/image87.png"/><Relationship Id="rId1" Type="http://schemas.openxmlformats.org/officeDocument/2006/relationships/slideLayout" Target="../slideLayouts/slideLayout9.xml"/></Relationships>
</file>

<file path=ppt/slides/_rels/slide37.xml.rels><?xml version="1.0" encoding="UTF-8" standalone="yes"?>
<Relationships xmlns="http://schemas.openxmlformats.org/package/2006/relationships"><Relationship Id="rId8" Type="http://schemas.openxmlformats.org/officeDocument/2006/relationships/image" Target="../media/image94.emf"/><Relationship Id="rId3" Type="http://schemas.openxmlformats.org/officeDocument/2006/relationships/image" Target="../media/image89.png"/><Relationship Id="rId7" Type="http://schemas.openxmlformats.org/officeDocument/2006/relationships/image" Target="../media/image9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92.png"/><Relationship Id="rId11" Type="http://schemas.openxmlformats.org/officeDocument/2006/relationships/image" Target="../media/image97.emf"/><Relationship Id="rId5" Type="http://schemas.openxmlformats.org/officeDocument/2006/relationships/image" Target="../media/image91.png"/><Relationship Id="rId10" Type="http://schemas.openxmlformats.org/officeDocument/2006/relationships/image" Target="../media/image96.emf"/><Relationship Id="rId4" Type="http://schemas.openxmlformats.org/officeDocument/2006/relationships/image" Target="../media/image90.png"/><Relationship Id="rId9" Type="http://schemas.openxmlformats.org/officeDocument/2006/relationships/image" Target="../media/image95.emf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8.png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9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tiff"/><Relationship Id="rId2" Type="http://schemas.openxmlformats.org/officeDocument/2006/relationships/image" Target="../media/image8.tiff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0.png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1.png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doi.org/10.1016/j.nimb.2019.05.031" TargetMode="External"/><Relationship Id="rId7" Type="http://schemas.openxmlformats.org/officeDocument/2006/relationships/image" Target="../media/image14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png"/><Relationship Id="rId5" Type="http://schemas.openxmlformats.org/officeDocument/2006/relationships/hyperlink" Target="https://www.spiedigitallibrary.org/journals/journal-of-medical-imaging/volume-12/issue-01/014002/Respiratory-gated-micro-computed-tomography-imaging-to-measure-radiation-induced/10.1117/1.JMI.12.1.014002.full" TargetMode="External"/><Relationship Id="rId4" Type="http://schemas.openxmlformats.org/officeDocument/2006/relationships/hyperlink" Target="https://doi.org/10.1038/s41598-023-50412-w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19900D1-669C-4DCD-9A51-1479DB5FF6F1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414604" y="903041"/>
            <a:ext cx="11529391" cy="1488030"/>
          </a:xfrm>
        </p:spPr>
        <p:txBody>
          <a:bodyPr/>
          <a:lstStyle/>
          <a:p>
            <a:r>
              <a:rPr lang="en-US" sz="4400" dirty="0"/>
              <a:t>Tripling TRIUMF’s RIB capabilities with </a:t>
            </a:r>
            <a:r>
              <a:rPr lang="en-CA" sz="4400" dirty="0"/>
              <a:t>the ARIEL facility</a:t>
            </a:r>
            <a:endParaRPr lang="en-US" sz="4400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4C12CC0-E8E2-449E-A8DD-499966723FA0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414604" y="4251960"/>
            <a:ext cx="4894541" cy="1940743"/>
          </a:xfrm>
        </p:spPr>
        <p:txBody>
          <a:bodyPr/>
          <a:lstStyle/>
          <a:p>
            <a:r>
              <a:rPr lang="en-US" dirty="0"/>
              <a:t>Luca Egoriti</a:t>
            </a:r>
          </a:p>
          <a:p>
            <a:r>
              <a:rPr lang="en-US" sz="1600" dirty="0"/>
              <a:t>Target Physicists</a:t>
            </a:r>
          </a:p>
          <a:p>
            <a:r>
              <a:rPr lang="en-US" sz="1600" dirty="0"/>
              <a:t>ARIEL Target Stations Project Co-Lead</a:t>
            </a:r>
          </a:p>
        </p:txBody>
      </p:sp>
      <p:pic>
        <p:nvPicPr>
          <p:cNvPr id="4" name="Picture 2" descr="Image result for triumf cyclotron">
            <a:extLst>
              <a:ext uri="{FF2B5EF4-FFF2-40B4-BE49-F238E27FC236}">
                <a16:creationId xmlns:a16="http://schemas.microsoft.com/office/drawing/2014/main" id="{3BA56A29-8650-4CDB-9919-FF498CCFED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95288" y="2908077"/>
            <a:ext cx="4894541" cy="3712804"/>
          </a:xfrm>
          <a:prstGeom prst="rect">
            <a:avLst/>
          </a:prstGeom>
          <a:solidFill>
            <a:schemeClr val="accent1"/>
          </a:solidFill>
          <a:effectLst>
            <a:outerShdw blurRad="50800" dist="50800" dir="5400000" algn="ctr" rotWithShape="0">
              <a:srgbClr val="000000"/>
            </a:outerShdw>
          </a:effectLst>
        </p:spPr>
      </p:pic>
    </p:spTree>
    <p:extLst>
      <p:ext uri="{BB962C8B-B14F-4D97-AF65-F5344CB8AC3E}">
        <p14:creationId xmlns:p14="http://schemas.microsoft.com/office/powerpoint/2010/main" val="14218978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2A339D0-4120-A6E6-A8A6-C3E1E1E0405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67F9FC3-6A5D-31EF-485E-437BAE0669B4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212986" y="205595"/>
            <a:ext cx="11047152" cy="606574"/>
          </a:xfrm>
        </p:spPr>
        <p:txBody>
          <a:bodyPr/>
          <a:lstStyle/>
          <a:p>
            <a:r>
              <a:rPr lang="en-US" dirty="0"/>
              <a:t>TRIUMF accelerators for RIB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2EDF08A-2644-CAD6-6580-8C70777299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50025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10</a:t>
            </a:fld>
            <a:endParaRPr lang="en-US"/>
          </a:p>
        </p:txBody>
      </p: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03E61664-3F06-7ACE-3D76-97EAD5FD216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EBA83254-5F0C-26F2-9627-B5357B2BEF56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5ECC9F17-6915-40DB-9895-22AC052EA4BF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D7AADBAD-9453-793D-2ADB-E1D0E3A22D4A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958F6F2-B11F-669C-67BD-45282A89161F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4168359D-3C1C-28C1-4A01-0D0EFAA9CB19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198B7D5E-C4B1-F729-C6E2-B374D8CF5C35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C4EA3540-FAF9-03A0-7B86-A3E0945DD31D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B786CDD0-5567-3BBC-F8C0-998183702486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46067BF9-F3F7-08F0-5F5B-BEBDC2A324EF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3F2189A-6173-091F-269C-A06A0674D316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DD286BAD-9845-3988-4394-9086C7056B76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3D136238-C0B0-658E-816C-9EC5A0B3AB16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BA3128FE-308F-C726-A390-8D0EAD1124C0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38073E63-4FA9-7C36-4A3B-183A67B5C16C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340C9B4B-1F58-3796-F41F-D00EECA2BD82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8F2630EA-ADC6-5865-C737-5F3B3F37F9B6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9B1ADF30-AE8E-AB03-3F16-9978EB781460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3F54A188-19EA-F3B4-9873-69660CA5B5FC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ARIEL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100" dirty="0">
              <a:solidFill>
                <a:srgbClr val="002060"/>
              </a:solidFill>
            </a:endParaRPr>
          </a:p>
        </p:txBody>
      </p: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BC371ACA-44D1-946C-5795-69F6BACEBBB0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453C6A13-94B7-A97E-BD4D-718F37118690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E0548DD9-8FE9-9928-91DF-AC6E8F2BDB04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4763B97A-BC45-4DC7-ACDB-3B1D735D5110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F068BFE6-C0E5-603B-E43E-0BC0CAD80504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ISAC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588" dirty="0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B28104DB-7B10-97DA-6111-0A4076A3BD85}"/>
              </a:ext>
            </a:extLst>
          </p:cNvPr>
          <p:cNvSpPr/>
          <p:nvPr/>
        </p:nvSpPr>
        <p:spPr>
          <a:xfrm>
            <a:off x="5436291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08FAB27B-93D5-A9EF-FAC6-BD62475B4930}"/>
              </a:ext>
            </a:extLst>
          </p:cNvPr>
          <p:cNvSpPr txBox="1"/>
          <p:nvPr/>
        </p:nvSpPr>
        <p:spPr>
          <a:xfrm>
            <a:off x="5607443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12E633A1-ABB0-D7AA-8014-3EA84BE0855D}"/>
              </a:ext>
            </a:extLst>
          </p:cNvPr>
          <p:cNvSpPr/>
          <p:nvPr/>
        </p:nvSpPr>
        <p:spPr>
          <a:xfrm>
            <a:off x="5436291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F4BF723E-79D4-FDDF-6E91-E5C8656CC16F}"/>
              </a:ext>
            </a:extLst>
          </p:cNvPr>
          <p:cNvSpPr txBox="1"/>
          <p:nvPr/>
        </p:nvSpPr>
        <p:spPr>
          <a:xfrm>
            <a:off x="5607443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34D76EC3-B832-6611-8DFF-FF3DA8244B44}"/>
              </a:ext>
            </a:extLst>
          </p:cNvPr>
          <p:cNvSpPr txBox="1"/>
          <p:nvPr/>
        </p:nvSpPr>
        <p:spPr>
          <a:xfrm>
            <a:off x="5607443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ARIEL ISOL targets (from 2027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C48FFD0D-D73E-542A-1C55-7EA575AFC9CA}"/>
              </a:ext>
            </a:extLst>
          </p:cNvPr>
          <p:cNvSpPr/>
          <p:nvPr/>
        </p:nvSpPr>
        <p:spPr>
          <a:xfrm>
            <a:off x="5436291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FCC04980-C7C1-896B-2B7D-D79A89265250}"/>
              </a:ext>
            </a:extLst>
          </p:cNvPr>
          <p:cNvSpPr/>
          <p:nvPr/>
        </p:nvSpPr>
        <p:spPr>
          <a:xfrm>
            <a:off x="8718647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A5412C4E-5ADA-52D9-5772-F6EB107E7BBC}"/>
              </a:ext>
            </a:extLst>
          </p:cNvPr>
          <p:cNvSpPr txBox="1"/>
          <p:nvPr/>
        </p:nvSpPr>
        <p:spPr>
          <a:xfrm>
            <a:off x="8889799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F44A6132-4621-7EDE-D187-7AF121662FC0}"/>
              </a:ext>
            </a:extLst>
          </p:cNvPr>
          <p:cNvSpPr/>
          <p:nvPr/>
        </p:nvSpPr>
        <p:spPr>
          <a:xfrm>
            <a:off x="8719397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A15BAFBA-E7CF-4749-99E8-F556B41580DE}"/>
              </a:ext>
            </a:extLst>
          </p:cNvPr>
          <p:cNvSpPr txBox="1"/>
          <p:nvPr/>
        </p:nvSpPr>
        <p:spPr>
          <a:xfrm>
            <a:off x="8890549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87A75F9E-3B47-BE63-B9CD-F1B8BFC933D3}"/>
              </a:ext>
            </a:extLst>
          </p:cNvPr>
          <p:cNvSpPr/>
          <p:nvPr/>
        </p:nvSpPr>
        <p:spPr>
          <a:xfrm>
            <a:off x="8718644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578D0964-9C66-2AB7-8470-FB76CE0CBD2F}"/>
              </a:ext>
            </a:extLst>
          </p:cNvPr>
          <p:cNvSpPr txBox="1"/>
          <p:nvPr/>
        </p:nvSpPr>
        <p:spPr>
          <a:xfrm>
            <a:off x="8889797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70605E42-86D0-4DC7-6BB2-BA9C1D1D1A89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C841552C-B2AF-93A4-B59C-DF90629B5CA5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2EA2C644-F5AE-9667-4BE9-E60B97F73176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DCC2E860-0914-ED05-C72A-378284E30F02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DC6A4950-D734-C3F1-6F71-22FCD1C2C425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>
            <a:extLst>
              <a:ext uri="{FF2B5EF4-FFF2-40B4-BE49-F238E27FC236}">
                <a16:creationId xmlns:a16="http://schemas.microsoft.com/office/drawing/2014/main" id="{2B9D029E-4CCD-2300-AD73-46F7370907DF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9F16ADEE-BC06-6BAF-121E-5441E8E1E903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03E8627C-9428-153D-1568-221253233CE8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CA92FB73-BFC9-21C4-3F24-A7CE9C4EF1CA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5B9FB2DC-D0FA-9215-711A-4633A7F50984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A4D3E51E-B4B3-05DE-E81C-3F5B3AC56B77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1">
            <a:extLst>
              <a:ext uri="{FF2B5EF4-FFF2-40B4-BE49-F238E27FC236}">
                <a16:creationId xmlns:a16="http://schemas.microsoft.com/office/drawing/2014/main" id="{4AA7CE53-0022-34F4-5F41-6787844ADCB0}"/>
              </a:ext>
            </a:extLst>
          </p:cNvPr>
          <p:cNvSpPr txBox="1">
            <a:spLocks/>
          </p:cNvSpPr>
          <p:nvPr/>
        </p:nvSpPr>
        <p:spPr>
          <a:xfrm>
            <a:off x="5829534" y="4233011"/>
            <a:ext cx="6308216" cy="1769195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Tx/>
              <a:buNone/>
              <a:defRPr sz="2800" b="1" i="0" kern="120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5400" dirty="0"/>
              <a:t>Driver beamline tunnel</a:t>
            </a:r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43210107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BC1D29E6-0B97-00FA-3B3C-BE4E7DB92E8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8" t="752" r="105" b="-1"/>
          <a:stretch>
            <a:fillRect/>
          </a:stretch>
        </p:blipFill>
        <p:spPr>
          <a:xfrm>
            <a:off x="715618" y="698500"/>
            <a:ext cx="10774018" cy="6140025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6D34F19-75B3-E099-879E-4FBAFAD0D5D3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Driver beam line tunnel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843886D-BBB6-CD1F-D02D-5679EF7DEB32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955760" y="6311898"/>
            <a:ext cx="398039" cy="365125"/>
          </a:xfrm>
          <a:prstGeom prst="rect">
            <a:avLst/>
          </a:prstGeom>
        </p:spPr>
        <p:txBody>
          <a:bodyPr/>
          <a:lstStyle/>
          <a:p>
            <a:fld id="{72890513-E58D-2644-ACDB-E89B1349FCEB}" type="slidenum">
              <a:rPr lang="en-US" smtClean="0"/>
              <a:pPr/>
              <a:t>11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AD90ED7-BCCD-5C5C-6999-A7DB993C3C40}"/>
              </a:ext>
            </a:extLst>
          </p:cNvPr>
          <p:cNvSpPr txBox="1"/>
          <p:nvPr/>
        </p:nvSpPr>
        <p:spPr>
          <a:xfrm>
            <a:off x="1371876" y="2485430"/>
            <a:ext cx="591047" cy="276999"/>
          </a:xfrm>
          <a:prstGeom prst="rect">
            <a:avLst/>
          </a:prstGeom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AET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AF1D2DD-E86C-493B-F62A-5B879EB6B08A}"/>
              </a:ext>
            </a:extLst>
          </p:cNvPr>
          <p:cNvSpPr txBox="1"/>
          <p:nvPr/>
        </p:nvSpPr>
        <p:spPr>
          <a:xfrm>
            <a:off x="1289050" y="3687921"/>
            <a:ext cx="673873" cy="276999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APTW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07B94ECC-627E-B268-77EE-0B0BEDA14A22}"/>
              </a:ext>
            </a:extLst>
          </p:cNvPr>
          <p:cNvSpPr/>
          <p:nvPr/>
        </p:nvSpPr>
        <p:spPr>
          <a:xfrm>
            <a:off x="10259761" y="652006"/>
            <a:ext cx="1429167" cy="2161930"/>
          </a:xfrm>
          <a:prstGeom prst="roundRect">
            <a:avLst/>
          </a:prstGeom>
          <a:noFill/>
          <a:ln w="38100">
            <a:solidFill>
              <a:srgbClr val="0070C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D77C6985-2967-AA81-CE8D-FCCC53B3DD47}"/>
              </a:ext>
            </a:extLst>
          </p:cNvPr>
          <p:cNvSpPr/>
          <p:nvPr/>
        </p:nvSpPr>
        <p:spPr>
          <a:xfrm>
            <a:off x="9207610" y="4629176"/>
            <a:ext cx="2003729" cy="1640699"/>
          </a:xfrm>
          <a:prstGeom prst="roundRect">
            <a:avLst/>
          </a:prstGeom>
          <a:noFill/>
          <a:ln w="38100">
            <a:solidFill>
              <a:srgbClr val="0070C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8B3DBFF7-E7A5-5FE7-EB9D-807926EB8684}"/>
              </a:ext>
            </a:extLst>
          </p:cNvPr>
          <p:cNvSpPr/>
          <p:nvPr/>
        </p:nvSpPr>
        <p:spPr>
          <a:xfrm>
            <a:off x="4349362" y="5988442"/>
            <a:ext cx="4794638" cy="705951"/>
          </a:xfrm>
          <a:prstGeom prst="roundRect">
            <a:avLst/>
          </a:prstGeom>
          <a:noFill/>
          <a:ln w="38100">
            <a:solidFill>
              <a:srgbClr val="7030A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3A8A8910-DECA-185D-48AC-6C5108576ABA}"/>
              </a:ext>
            </a:extLst>
          </p:cNvPr>
          <p:cNvSpPr txBox="1"/>
          <p:nvPr/>
        </p:nvSpPr>
        <p:spPr>
          <a:xfrm>
            <a:off x="9424785" y="1321789"/>
            <a:ext cx="761445" cy="646331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BL4N Vault region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2D599A3-2B87-31B5-384A-40CC47E05153}"/>
              </a:ext>
            </a:extLst>
          </p:cNvPr>
          <p:cNvSpPr txBox="1"/>
          <p:nvPr/>
        </p:nvSpPr>
        <p:spPr>
          <a:xfrm>
            <a:off x="11309053" y="4940067"/>
            <a:ext cx="761445" cy="830997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BL4N Proton Cave region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9915FD1B-9AB4-1613-8CD2-E6B0A8312996}"/>
              </a:ext>
            </a:extLst>
          </p:cNvPr>
          <p:cNvSpPr/>
          <p:nvPr/>
        </p:nvSpPr>
        <p:spPr>
          <a:xfrm>
            <a:off x="10073930" y="2911541"/>
            <a:ext cx="1137409" cy="1744597"/>
          </a:xfrm>
          <a:prstGeom prst="roundRect">
            <a:avLst/>
          </a:prstGeom>
          <a:noFill/>
          <a:ln w="38100">
            <a:solidFill>
              <a:srgbClr val="0070C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3ACED35-857A-0EBA-F27F-38E404639D3B}"/>
              </a:ext>
            </a:extLst>
          </p:cNvPr>
          <p:cNvSpPr txBox="1"/>
          <p:nvPr/>
        </p:nvSpPr>
        <p:spPr>
          <a:xfrm>
            <a:off x="9041088" y="3318589"/>
            <a:ext cx="967568" cy="646331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BL4N Pharoah’s tomb region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53FDFB9C-A6BB-18F2-8A99-5CC7FD22B31B}"/>
              </a:ext>
            </a:extLst>
          </p:cNvPr>
          <p:cNvSpPr txBox="1"/>
          <p:nvPr/>
        </p:nvSpPr>
        <p:spPr>
          <a:xfrm>
            <a:off x="10651129" y="6417395"/>
            <a:ext cx="1452147" cy="276999"/>
          </a:xfrm>
          <a:prstGeom prst="rect">
            <a:avLst/>
          </a:prstGeom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EHBT dogleg region</a:t>
            </a: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AD69FB9F-3106-17B7-5EA9-4662C8175BF8}"/>
              </a:ext>
            </a:extLst>
          </p:cNvPr>
          <p:cNvSpPr/>
          <p:nvPr/>
        </p:nvSpPr>
        <p:spPr>
          <a:xfrm>
            <a:off x="2094805" y="2623930"/>
            <a:ext cx="2254557" cy="4029975"/>
          </a:xfrm>
          <a:prstGeom prst="roundRect">
            <a:avLst/>
          </a:prstGeom>
          <a:noFill/>
          <a:ln w="38100">
            <a:solidFill>
              <a:srgbClr val="7030A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332B55D1-DA7C-DC7A-058A-9A417A204FFE}"/>
              </a:ext>
            </a:extLst>
          </p:cNvPr>
          <p:cNvSpPr/>
          <p:nvPr/>
        </p:nvSpPr>
        <p:spPr>
          <a:xfrm>
            <a:off x="9162844" y="6285871"/>
            <a:ext cx="1452147" cy="472830"/>
          </a:xfrm>
          <a:prstGeom prst="roundRect">
            <a:avLst/>
          </a:prstGeom>
          <a:noFill/>
          <a:ln w="38100">
            <a:solidFill>
              <a:srgbClr val="FFC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B12DA3B5-FD10-222A-0DBE-8B2472C2FC3A}"/>
              </a:ext>
            </a:extLst>
          </p:cNvPr>
          <p:cNvSpPr txBox="1"/>
          <p:nvPr/>
        </p:nvSpPr>
        <p:spPr>
          <a:xfrm>
            <a:off x="6177114" y="5197979"/>
            <a:ext cx="1258736" cy="646331"/>
          </a:xfrm>
          <a:prstGeom prst="rect">
            <a:avLst/>
          </a:prstGeom>
          <a:solidFill>
            <a:srgbClr val="7030A0"/>
          </a:solidFill>
        </p:spPr>
        <p:style>
          <a:lnRef idx="2">
            <a:schemeClr val="accent5">
              <a:shade val="15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BL4N &amp; EHBT</a:t>
            </a:r>
          </a:p>
          <a:p>
            <a:r>
              <a:rPr lang="en-CA" sz="1200"/>
              <a:t>Straight Tunnel section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F1AA60BA-CB1F-C317-283B-0DDA65C66A48}"/>
              </a:ext>
            </a:extLst>
          </p:cNvPr>
          <p:cNvSpPr txBox="1"/>
          <p:nvPr/>
        </p:nvSpPr>
        <p:spPr>
          <a:xfrm>
            <a:off x="611082" y="5771064"/>
            <a:ext cx="1351841" cy="646331"/>
          </a:xfrm>
          <a:prstGeom prst="rect">
            <a:avLst/>
          </a:prstGeom>
          <a:solidFill>
            <a:srgbClr val="7030A0"/>
          </a:solidFill>
        </p:spPr>
        <p:style>
          <a:lnRef idx="2">
            <a:schemeClr val="accent5">
              <a:shade val="15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CA" sz="1200"/>
              <a:t>BL4N &amp; EHBT</a:t>
            </a:r>
          </a:p>
          <a:p>
            <a:r>
              <a:rPr lang="en-CA" sz="1200"/>
              <a:t>North Tunnel bend section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1C63C705-770E-1187-31E6-D5209814CF96}"/>
              </a:ext>
            </a:extLst>
          </p:cNvPr>
          <p:cNvSpPr txBox="1"/>
          <p:nvPr/>
        </p:nvSpPr>
        <p:spPr>
          <a:xfrm>
            <a:off x="611082" y="1272807"/>
            <a:ext cx="156454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sym typeface="Wingdings" panose="05000000000000000000" pitchFamily="2" charset="2"/>
              </a:rPr>
              <a:t></a:t>
            </a:r>
            <a:r>
              <a:rPr lang="en-CA"/>
              <a:t>NORTH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AF434285-C522-2217-7F3B-1A6684BC024B}"/>
              </a:ext>
            </a:extLst>
          </p:cNvPr>
          <p:cNvSpPr txBox="1"/>
          <p:nvPr/>
        </p:nvSpPr>
        <p:spPr>
          <a:xfrm>
            <a:off x="1667399" y="614167"/>
            <a:ext cx="806869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>
                <a:sym typeface="Wingdings" panose="05000000000000000000" pitchFamily="2" charset="2"/>
              </a:rPr>
              <a:t>One proton &amp; one electron beam line, for transport, spaced by ~1 met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 b="1">
                <a:sym typeface="Wingdings" panose="05000000000000000000" pitchFamily="2" charset="2"/>
              </a:rPr>
              <a:t>Status</a:t>
            </a:r>
            <a:r>
              <a:rPr lang="en-CA" sz="1600">
                <a:sym typeface="Wingdings" panose="05000000000000000000" pitchFamily="2" charset="2"/>
              </a:rPr>
              <a:t>: beam line &amp; services (cables, piping) installation in progress</a:t>
            </a:r>
          </a:p>
        </p:txBody>
      </p:sp>
      <p:sp>
        <p:nvSpPr>
          <p:cNvPr id="24" name="AutoShape 2">
            <a:extLst>
              <a:ext uri="{FF2B5EF4-FFF2-40B4-BE49-F238E27FC236}">
                <a16:creationId xmlns:a16="http://schemas.microsoft.com/office/drawing/2014/main" id="{B1A97653-14E8-0454-C7C5-64B1FBB2C93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0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CA"/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48CA8549-C062-362A-7073-ADA27B511C0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27819" y="969465"/>
            <a:ext cx="3055652" cy="5436912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C33581A6-F975-5EE1-21C9-2CC79CC7F4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33550" y="1278456"/>
            <a:ext cx="3821946" cy="5095928"/>
          </a:xfrm>
          <a:prstGeom prst="rect">
            <a:avLst/>
          </a:prstGeom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DEBC74F8-5CEB-49A8-D3AF-0ECA74F3437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56" b="5556"/>
          <a:stretch>
            <a:fillRect/>
          </a:stretch>
        </p:blipFill>
        <p:spPr bwMode="auto">
          <a:xfrm>
            <a:off x="4453898" y="2094180"/>
            <a:ext cx="4264630" cy="2843086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41485899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79CC5D5-4984-CA1E-DC49-1B826EB3BDB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1D7E45F-B99E-90BE-2380-984B9A06D568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212986" y="205595"/>
            <a:ext cx="11047152" cy="606574"/>
          </a:xfrm>
        </p:spPr>
        <p:txBody>
          <a:bodyPr/>
          <a:lstStyle/>
          <a:p>
            <a:r>
              <a:rPr lang="en-US" dirty="0"/>
              <a:t>TRIUMF accelerators for RIB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FD2330E-9FBB-26CA-23C5-CE36EB4565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50025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12</a:t>
            </a:fld>
            <a:endParaRPr lang="en-US"/>
          </a:p>
        </p:txBody>
      </p: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087656E1-62BC-0105-55BE-ADB0714677F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9213A90-911D-FF71-987C-DF8C188FC2E2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B2F71FF8-D667-AB56-BAD3-D7932184AAA6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D9DA4908-418A-27FC-9AB6-1FB0C7E0F7B6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AFE9096A-5764-2B50-99BD-5F4E01C7EEF6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E670B620-9857-8EB9-886B-EA10C4B9BAEE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26CC8DE5-A63D-6E52-F1A3-F43CFC032C87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5F768726-E3EE-543C-DE4C-45FC2E4D6A8A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DC3ECCD9-843C-4C47-0D5C-036DAAA0342D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EDACB38-886A-6AE5-36E0-4401F49239DF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591AAE06-A59C-2F00-2437-46E8E7347E5F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D3FDE108-E12E-562B-667F-CB71D7E2A4E9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F9EF3B62-1DE5-4DC8-87EE-5E83FE78D0B1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62C3C059-9F59-E747-2D00-83E2842DC903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66F4FCE6-8E84-7CFE-AC12-CE8459C54074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E7445D3A-D0DF-EA9E-7EB0-4583164BF55E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2CECC40-7126-739C-AC54-AB0405DC7D89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2F765F0F-F297-A982-C084-F1658B173D5F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B29CCFC5-C536-547C-1829-BA6E799EEFEC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ARIEL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100" dirty="0">
              <a:solidFill>
                <a:srgbClr val="002060"/>
              </a:solidFill>
            </a:endParaRPr>
          </a:p>
        </p:txBody>
      </p: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03412158-5EB6-3142-7880-8F661328368B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D9BB092E-4DE5-67F3-8BEE-5AAFD8105D06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4784AFE3-C436-0855-5789-66BAAF35D7A7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095DD575-E6F9-0C29-B91E-D0AEBB479159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D9BE64CC-2063-3640-37C5-944B7E649247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ISAC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588" dirty="0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B2157162-765E-8258-EA46-383AC9AC7958}"/>
              </a:ext>
            </a:extLst>
          </p:cNvPr>
          <p:cNvSpPr/>
          <p:nvPr/>
        </p:nvSpPr>
        <p:spPr>
          <a:xfrm>
            <a:off x="5436291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54447CE2-BC2D-4AE7-B8EF-D3796ABD4962}"/>
              </a:ext>
            </a:extLst>
          </p:cNvPr>
          <p:cNvSpPr txBox="1"/>
          <p:nvPr/>
        </p:nvSpPr>
        <p:spPr>
          <a:xfrm>
            <a:off x="5607443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E66CFE7F-632F-77E1-07B4-AA15FECC947A}"/>
              </a:ext>
            </a:extLst>
          </p:cNvPr>
          <p:cNvSpPr/>
          <p:nvPr/>
        </p:nvSpPr>
        <p:spPr>
          <a:xfrm>
            <a:off x="5436291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28880956-F951-6C11-0EB5-DF989FED7376}"/>
              </a:ext>
            </a:extLst>
          </p:cNvPr>
          <p:cNvSpPr txBox="1"/>
          <p:nvPr/>
        </p:nvSpPr>
        <p:spPr>
          <a:xfrm>
            <a:off x="5607443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5F9B666B-A4FD-E4B2-2B4B-F20A74042F48}"/>
              </a:ext>
            </a:extLst>
          </p:cNvPr>
          <p:cNvSpPr txBox="1"/>
          <p:nvPr/>
        </p:nvSpPr>
        <p:spPr>
          <a:xfrm>
            <a:off x="5607443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ARIEL ISOL targets (from 2027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BA4B9DDE-A2D8-0075-D8E5-5EAA8E146307}"/>
              </a:ext>
            </a:extLst>
          </p:cNvPr>
          <p:cNvSpPr/>
          <p:nvPr/>
        </p:nvSpPr>
        <p:spPr>
          <a:xfrm>
            <a:off x="5436291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03936D93-A1C1-84A0-5622-5CDDBA3BA3DA}"/>
              </a:ext>
            </a:extLst>
          </p:cNvPr>
          <p:cNvSpPr/>
          <p:nvPr/>
        </p:nvSpPr>
        <p:spPr>
          <a:xfrm>
            <a:off x="8718647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D6775201-184D-11B4-DB68-EE3EA83C3DE9}"/>
              </a:ext>
            </a:extLst>
          </p:cNvPr>
          <p:cNvSpPr txBox="1"/>
          <p:nvPr/>
        </p:nvSpPr>
        <p:spPr>
          <a:xfrm>
            <a:off x="8889799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E6C9799D-6CB0-99B0-26E1-4517C7DD5978}"/>
              </a:ext>
            </a:extLst>
          </p:cNvPr>
          <p:cNvSpPr/>
          <p:nvPr/>
        </p:nvSpPr>
        <p:spPr>
          <a:xfrm>
            <a:off x="8719397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CAF80C82-8945-3824-A211-A5F4A966DECB}"/>
              </a:ext>
            </a:extLst>
          </p:cNvPr>
          <p:cNvSpPr txBox="1"/>
          <p:nvPr/>
        </p:nvSpPr>
        <p:spPr>
          <a:xfrm>
            <a:off x="8890549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8FE15502-8263-8B80-E7A9-C20819D46F7A}"/>
              </a:ext>
            </a:extLst>
          </p:cNvPr>
          <p:cNvSpPr/>
          <p:nvPr/>
        </p:nvSpPr>
        <p:spPr>
          <a:xfrm>
            <a:off x="8718644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F232BF4C-4B78-D6D5-2124-D3EADC5F5F4E}"/>
              </a:ext>
            </a:extLst>
          </p:cNvPr>
          <p:cNvSpPr txBox="1"/>
          <p:nvPr/>
        </p:nvSpPr>
        <p:spPr>
          <a:xfrm>
            <a:off x="8889797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C7A3F0FD-4A20-63B7-1F62-A055119A5CA7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505903A7-6825-88C3-36D4-F7EF932CBF7E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53F8E6F9-3EF3-D1B4-7F1B-4A9592924C56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D5CA5B0F-7525-2956-7055-86A071E5EB5E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8BF0AF9C-34E8-AAE9-7B3D-F8B4F7C92505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>
            <a:extLst>
              <a:ext uri="{FF2B5EF4-FFF2-40B4-BE49-F238E27FC236}">
                <a16:creationId xmlns:a16="http://schemas.microsoft.com/office/drawing/2014/main" id="{BBEB4DE4-2F9B-C96E-3CF1-D40EC0AB2AE0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4FD6C30B-C2E4-89C6-1F68-9175FAF751F4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B66208CD-7818-F71D-2C45-45564101A8E1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564FEFD9-F9B3-A1E1-D3AF-5DB8B1C7FEE5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C34C0B61-AA97-B5ED-F26E-86086ED6B94F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FAC7757D-C4A1-779F-26EC-596567CDD5E6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1">
            <a:extLst>
              <a:ext uri="{FF2B5EF4-FFF2-40B4-BE49-F238E27FC236}">
                <a16:creationId xmlns:a16="http://schemas.microsoft.com/office/drawing/2014/main" id="{9EC35C93-D4B2-E440-C243-23D40873572A}"/>
              </a:ext>
            </a:extLst>
          </p:cNvPr>
          <p:cNvSpPr txBox="1">
            <a:spLocks/>
          </p:cNvSpPr>
          <p:nvPr/>
        </p:nvSpPr>
        <p:spPr>
          <a:xfrm>
            <a:off x="5829534" y="4233011"/>
            <a:ext cx="6308216" cy="1769195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Tx/>
              <a:buNone/>
              <a:defRPr sz="2800" b="1" i="0" kern="120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5400" dirty="0"/>
              <a:t>Target stations</a:t>
            </a:r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238227810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D547B3A-24E3-421A-9DFA-37BCE6591B0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ISOL targets for RIB production</a:t>
            </a:r>
            <a:endParaRPr lang="en-CA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DAE2E93-963D-FE42-A5CD-BE1D8128C3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974664" y="6599583"/>
            <a:ext cx="217336" cy="258417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13</a:t>
            </a:fld>
            <a:endParaRPr lang="en-US"/>
          </a:p>
        </p:txBody>
      </p:sp>
      <p:pic>
        <p:nvPicPr>
          <p:cNvPr id="78" name="Picture 77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B7EC919B-A7A5-9F63-98A1-5699E8F266B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486164" y="4333064"/>
            <a:ext cx="1465006" cy="1354019"/>
          </a:xfrm>
          <a:prstGeom prst="rect">
            <a:avLst/>
          </a:prstGeom>
        </p:spPr>
      </p:pic>
      <p:sp>
        <p:nvSpPr>
          <p:cNvPr id="79" name="Content Placeholder 4">
            <a:extLst>
              <a:ext uri="{FF2B5EF4-FFF2-40B4-BE49-F238E27FC236}">
                <a16:creationId xmlns:a16="http://schemas.microsoft.com/office/drawing/2014/main" id="{92EEABF2-9EF5-6C13-D627-AD5C4CDC9AF3}"/>
              </a:ext>
            </a:extLst>
          </p:cNvPr>
          <p:cNvSpPr txBox="1">
            <a:spLocks/>
          </p:cNvSpPr>
          <p:nvPr/>
        </p:nvSpPr>
        <p:spPr>
          <a:xfrm>
            <a:off x="144558" y="5957838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 dirty="0">
                <a:solidFill>
                  <a:srgbClr val="009FE0"/>
                </a:solidFill>
              </a:rPr>
              <a:t>500 MeV – 100 </a:t>
            </a:r>
            <a:r>
              <a:rPr lang="el-GR" sz="1764" dirty="0">
                <a:solidFill>
                  <a:srgbClr val="009FE0"/>
                </a:solidFill>
              </a:rPr>
              <a:t>μ</a:t>
            </a:r>
            <a:r>
              <a:rPr lang="en-US" sz="1764" dirty="0">
                <a:solidFill>
                  <a:srgbClr val="009FE0"/>
                </a:solidFill>
              </a:rPr>
              <a:t>A</a:t>
            </a:r>
            <a:r>
              <a:rPr lang="en-CA" sz="1764" dirty="0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 dirty="0">
                <a:solidFill>
                  <a:srgbClr val="009FE0"/>
                </a:solidFill>
              </a:rPr>
              <a:t>P+ Cyclotron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2CC18006-11C4-4F41-5BDC-52B873C19612}"/>
              </a:ext>
            </a:extLst>
          </p:cNvPr>
          <p:cNvSpPr/>
          <p:nvPr/>
        </p:nvSpPr>
        <p:spPr>
          <a:xfrm>
            <a:off x="4668761" y="3978850"/>
            <a:ext cx="2706176" cy="22659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 w="28575">
            <a:solidFill>
              <a:schemeClr val="accent6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9" name="TextBox 98">
            <a:extLst>
              <a:ext uri="{FF2B5EF4-FFF2-40B4-BE49-F238E27FC236}">
                <a16:creationId xmlns:a16="http://schemas.microsoft.com/office/drawing/2014/main" id="{C0D8DB6F-7679-F582-3610-A15B474FD7D3}"/>
              </a:ext>
            </a:extLst>
          </p:cNvPr>
          <p:cNvSpPr txBox="1"/>
          <p:nvPr/>
        </p:nvSpPr>
        <p:spPr>
          <a:xfrm>
            <a:off x="6084564" y="4058493"/>
            <a:ext cx="138992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Extraction electrode</a:t>
            </a: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FCCC0ED6-3A89-2729-0D52-A2CDC8E50552}"/>
              </a:ext>
            </a:extLst>
          </p:cNvPr>
          <p:cNvSpPr/>
          <p:nvPr/>
        </p:nvSpPr>
        <p:spPr>
          <a:xfrm>
            <a:off x="5053505" y="5327844"/>
            <a:ext cx="1933563" cy="28179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101" name="Straight Arrow Connector 100">
            <a:extLst>
              <a:ext uri="{FF2B5EF4-FFF2-40B4-BE49-F238E27FC236}">
                <a16:creationId xmlns:a16="http://schemas.microsoft.com/office/drawing/2014/main" id="{9D1E5A77-66D0-F227-94BA-9EC3BA7A8B4A}"/>
              </a:ext>
            </a:extLst>
          </p:cNvPr>
          <p:cNvCxnSpPr>
            <a:cxnSpLocks/>
          </p:cNvCxnSpPr>
          <p:nvPr/>
        </p:nvCxnSpPr>
        <p:spPr>
          <a:xfrm>
            <a:off x="1711959" y="5450095"/>
            <a:ext cx="6048042" cy="0"/>
          </a:xfrm>
          <a:prstGeom prst="straightConnector1">
            <a:avLst/>
          </a:prstGeom>
          <a:ln w="12700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Straight Connector 101">
            <a:extLst>
              <a:ext uri="{FF2B5EF4-FFF2-40B4-BE49-F238E27FC236}">
                <a16:creationId xmlns:a16="http://schemas.microsoft.com/office/drawing/2014/main" id="{9BDB8908-C3CE-A7EA-1448-406DE587C965}"/>
              </a:ext>
            </a:extLst>
          </p:cNvPr>
          <p:cNvCxnSpPr>
            <a:cxnSpLocks/>
          </p:cNvCxnSpPr>
          <p:nvPr/>
        </p:nvCxnSpPr>
        <p:spPr>
          <a:xfrm>
            <a:off x="4871881" y="5652283"/>
            <a:ext cx="2313418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Connector 102">
            <a:extLst>
              <a:ext uri="{FF2B5EF4-FFF2-40B4-BE49-F238E27FC236}">
                <a16:creationId xmlns:a16="http://schemas.microsoft.com/office/drawing/2014/main" id="{F805F3AB-5527-4703-47AF-B316C6A90DF9}"/>
              </a:ext>
            </a:extLst>
          </p:cNvPr>
          <p:cNvCxnSpPr>
            <a:cxnSpLocks/>
          </p:cNvCxnSpPr>
          <p:nvPr/>
        </p:nvCxnSpPr>
        <p:spPr>
          <a:xfrm flipV="1">
            <a:off x="4871881" y="5285179"/>
            <a:ext cx="1087512" cy="71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777C14E2-79AB-A88B-C48D-54B44D7D068B}"/>
              </a:ext>
            </a:extLst>
          </p:cNvPr>
          <p:cNvCxnSpPr>
            <a:cxnSpLocks/>
          </p:cNvCxnSpPr>
          <p:nvPr/>
        </p:nvCxnSpPr>
        <p:spPr>
          <a:xfrm>
            <a:off x="4885323" y="5275011"/>
            <a:ext cx="0" cy="38806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Straight Connector 104">
            <a:extLst>
              <a:ext uri="{FF2B5EF4-FFF2-40B4-BE49-F238E27FC236}">
                <a16:creationId xmlns:a16="http://schemas.microsoft.com/office/drawing/2014/main" id="{50E30DAE-8443-687A-E327-71936CCF7C21}"/>
              </a:ext>
            </a:extLst>
          </p:cNvPr>
          <p:cNvCxnSpPr>
            <a:cxnSpLocks/>
          </p:cNvCxnSpPr>
          <p:nvPr/>
        </p:nvCxnSpPr>
        <p:spPr>
          <a:xfrm>
            <a:off x="6096942" y="5282472"/>
            <a:ext cx="1088355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E1813849-0898-8E38-9661-24811417091F}"/>
              </a:ext>
            </a:extLst>
          </p:cNvPr>
          <p:cNvCxnSpPr>
            <a:cxnSpLocks/>
          </p:cNvCxnSpPr>
          <p:nvPr/>
        </p:nvCxnSpPr>
        <p:spPr>
          <a:xfrm>
            <a:off x="7170974" y="5268413"/>
            <a:ext cx="0" cy="38806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5025CFA3-E4EE-837B-66BB-969B3BADEEA0}"/>
              </a:ext>
            </a:extLst>
          </p:cNvPr>
          <p:cNvCxnSpPr>
            <a:cxnSpLocks/>
          </p:cNvCxnSpPr>
          <p:nvPr/>
        </p:nvCxnSpPr>
        <p:spPr>
          <a:xfrm>
            <a:off x="5948065" y="4777720"/>
            <a:ext cx="0" cy="51419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Straight Connector 107">
            <a:extLst>
              <a:ext uri="{FF2B5EF4-FFF2-40B4-BE49-F238E27FC236}">
                <a16:creationId xmlns:a16="http://schemas.microsoft.com/office/drawing/2014/main" id="{DEA63DD0-03D7-07E1-B594-CF8A1C08BA9E}"/>
              </a:ext>
            </a:extLst>
          </p:cNvPr>
          <p:cNvCxnSpPr>
            <a:cxnSpLocks/>
          </p:cNvCxnSpPr>
          <p:nvPr/>
        </p:nvCxnSpPr>
        <p:spPr>
          <a:xfrm>
            <a:off x="6109995" y="4774543"/>
            <a:ext cx="0" cy="516836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1E1B74A4-C7DF-57CE-0C36-8676D86AA7ED}"/>
              </a:ext>
            </a:extLst>
          </p:cNvPr>
          <p:cNvGrpSpPr/>
          <p:nvPr/>
        </p:nvGrpSpPr>
        <p:grpSpPr>
          <a:xfrm rot="5400000">
            <a:off x="4050811" y="4460242"/>
            <a:ext cx="293475" cy="938742"/>
            <a:chOff x="5496639" y="3001399"/>
            <a:chExt cx="211295" cy="675872"/>
          </a:xfrm>
        </p:grpSpPr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CEAEE48-8E0D-2207-18A3-4167332727C1}"/>
                </a:ext>
              </a:extLst>
            </p:cNvPr>
            <p:cNvCxnSpPr>
              <a:cxnSpLocks/>
            </p:cNvCxnSpPr>
            <p:nvPr/>
          </p:nvCxnSpPr>
          <p:spPr>
            <a:xfrm rot="5400000" flipV="1">
              <a:off x="5510447" y="3518755"/>
              <a:ext cx="183681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" name="Straight Connector 110">
              <a:extLst>
                <a:ext uri="{FF2B5EF4-FFF2-40B4-BE49-F238E27FC236}">
                  <a16:creationId xmlns:a16="http://schemas.microsoft.com/office/drawing/2014/main" id="{D1F723B6-8586-E8D0-D8E3-CBE08F511768}"/>
                </a:ext>
              </a:extLst>
            </p:cNvPr>
            <p:cNvCxnSpPr>
              <a:cxnSpLocks/>
            </p:cNvCxnSpPr>
            <p:nvPr/>
          </p:nvCxnSpPr>
          <p:spPr>
            <a:xfrm>
              <a:off x="5508028" y="3610595"/>
              <a:ext cx="193674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" name="Straight Connector 111">
              <a:extLst>
                <a:ext uri="{FF2B5EF4-FFF2-40B4-BE49-F238E27FC236}">
                  <a16:creationId xmlns:a16="http://schemas.microsoft.com/office/drawing/2014/main" id="{F4FB492E-682B-63D8-33A6-874C801D390F}"/>
                </a:ext>
              </a:extLst>
            </p:cNvPr>
            <p:cNvCxnSpPr>
              <a:cxnSpLocks/>
            </p:cNvCxnSpPr>
            <p:nvPr/>
          </p:nvCxnSpPr>
          <p:spPr>
            <a:xfrm>
              <a:off x="5553271" y="3643933"/>
              <a:ext cx="107156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D93EA3D7-2C9F-C54D-A321-0D4C4777B7ED}"/>
                </a:ext>
              </a:extLst>
            </p:cNvPr>
            <p:cNvCxnSpPr>
              <a:cxnSpLocks/>
            </p:cNvCxnSpPr>
            <p:nvPr/>
          </p:nvCxnSpPr>
          <p:spPr>
            <a:xfrm>
              <a:off x="5578076" y="3677271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4" name="Oval 113">
              <a:extLst>
                <a:ext uri="{FF2B5EF4-FFF2-40B4-BE49-F238E27FC236}">
                  <a16:creationId xmlns:a16="http://schemas.microsoft.com/office/drawing/2014/main" id="{43557D12-49C0-175B-C61E-C7044584C616}"/>
                </a:ext>
              </a:extLst>
            </p:cNvPr>
            <p:cNvSpPr/>
            <p:nvPr/>
          </p:nvSpPr>
          <p:spPr>
            <a:xfrm>
              <a:off x="5496639" y="3217994"/>
              <a:ext cx="211295" cy="208919"/>
            </a:xfrm>
            <a:prstGeom prst="ellipse">
              <a:avLst/>
            </a:prstGeom>
            <a:noFill/>
            <a:ln>
              <a:solidFill>
                <a:schemeClr val="accent6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500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115" name="Straight Connector 114">
              <a:extLst>
                <a:ext uri="{FF2B5EF4-FFF2-40B4-BE49-F238E27FC236}">
                  <a16:creationId xmlns:a16="http://schemas.microsoft.com/office/drawing/2014/main" id="{9F89CF4B-AC0D-C00F-A4FF-3C4597722284}"/>
                </a:ext>
              </a:extLst>
            </p:cNvPr>
            <p:cNvCxnSpPr>
              <a:cxnSpLocks/>
            </p:cNvCxnSpPr>
            <p:nvPr/>
          </p:nvCxnSpPr>
          <p:spPr>
            <a:xfrm>
              <a:off x="5575497" y="3393896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E62CAEF-1CCB-89FF-714D-DBD4AD3E19BA}"/>
                </a:ext>
              </a:extLst>
            </p:cNvPr>
            <p:cNvCxnSpPr>
              <a:cxnSpLocks/>
            </p:cNvCxnSpPr>
            <p:nvPr/>
          </p:nvCxnSpPr>
          <p:spPr>
            <a:xfrm>
              <a:off x="5575497" y="3274833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>
              <a:extLst>
                <a:ext uri="{FF2B5EF4-FFF2-40B4-BE49-F238E27FC236}">
                  <a16:creationId xmlns:a16="http://schemas.microsoft.com/office/drawing/2014/main" id="{1336ADA8-44CF-1A4B-9657-DE698A551EA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600896" y="3244188"/>
              <a:ext cx="0" cy="6160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>
              <a:extLst>
                <a:ext uri="{FF2B5EF4-FFF2-40B4-BE49-F238E27FC236}">
                  <a16:creationId xmlns:a16="http://schemas.microsoft.com/office/drawing/2014/main" id="{F9125E8A-FD14-FA91-8C8F-40456070D5E5}"/>
                </a:ext>
              </a:extLst>
            </p:cNvPr>
            <p:cNvCxnSpPr>
              <a:cxnSpLocks/>
              <a:endCxn id="114" idx="0"/>
            </p:cNvCxnSpPr>
            <p:nvPr/>
          </p:nvCxnSpPr>
          <p:spPr>
            <a:xfrm rot="5400000">
              <a:off x="5493989" y="3109696"/>
              <a:ext cx="216596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19" name="TextBox 118">
            <a:extLst>
              <a:ext uri="{FF2B5EF4-FFF2-40B4-BE49-F238E27FC236}">
                <a16:creationId xmlns:a16="http://schemas.microsoft.com/office/drawing/2014/main" id="{3A58EE66-1EE5-B313-5572-DEC5DE0C124D}"/>
              </a:ext>
            </a:extLst>
          </p:cNvPr>
          <p:cNvSpPr txBox="1"/>
          <p:nvPr/>
        </p:nvSpPr>
        <p:spPr>
          <a:xfrm>
            <a:off x="3453591" y="4308667"/>
            <a:ext cx="14481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dirty="0">
                <a:latin typeface="+mj-lt"/>
                <a:cs typeface="Times New Roman" panose="02020603050405020304" pitchFamily="18" charset="0"/>
              </a:rPr>
              <a:t>HV 60 kV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C1404F4D-FC03-CEFE-DECC-FAAC8724C5D0}"/>
              </a:ext>
            </a:extLst>
          </p:cNvPr>
          <p:cNvSpPr txBox="1"/>
          <p:nvPr/>
        </p:nvSpPr>
        <p:spPr>
          <a:xfrm>
            <a:off x="5170748" y="5605740"/>
            <a:ext cx="144186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Target</a:t>
            </a:r>
          </a:p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T=2000 °C</a:t>
            </a:r>
          </a:p>
        </p:txBody>
      </p:sp>
      <p:sp>
        <p:nvSpPr>
          <p:cNvPr id="121" name="Oval 120">
            <a:extLst>
              <a:ext uri="{FF2B5EF4-FFF2-40B4-BE49-F238E27FC236}">
                <a16:creationId xmlns:a16="http://schemas.microsoft.com/office/drawing/2014/main" id="{67DD672A-1738-F41B-1422-E3B29E6D7DA1}"/>
              </a:ext>
            </a:extLst>
          </p:cNvPr>
          <p:cNvSpPr/>
          <p:nvPr/>
        </p:nvSpPr>
        <p:spPr>
          <a:xfrm flipV="1">
            <a:off x="6847063" y="5422338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5D84C6BF-15C0-C641-34C4-1CFA47F8DFDE}"/>
              </a:ext>
            </a:extLst>
          </p:cNvPr>
          <p:cNvCxnSpPr>
            <a:cxnSpLocks/>
          </p:cNvCxnSpPr>
          <p:nvPr/>
        </p:nvCxnSpPr>
        <p:spPr>
          <a:xfrm flipV="1">
            <a:off x="6028246" y="2819155"/>
            <a:ext cx="10368" cy="1945752"/>
          </a:xfrm>
          <a:prstGeom prst="line">
            <a:avLst/>
          </a:prstGeom>
          <a:ln w="127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Straight Connector 122">
            <a:extLst>
              <a:ext uri="{FF2B5EF4-FFF2-40B4-BE49-F238E27FC236}">
                <a16:creationId xmlns:a16="http://schemas.microsoft.com/office/drawing/2014/main" id="{C63A2317-E440-1F30-825B-19FD64769821}"/>
              </a:ext>
            </a:extLst>
          </p:cNvPr>
          <p:cNvCxnSpPr>
            <a:cxnSpLocks/>
          </p:cNvCxnSpPr>
          <p:nvPr/>
        </p:nvCxnSpPr>
        <p:spPr>
          <a:xfrm flipV="1">
            <a:off x="6088436" y="4541667"/>
            <a:ext cx="117651" cy="83125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Straight Connector 123">
            <a:extLst>
              <a:ext uri="{FF2B5EF4-FFF2-40B4-BE49-F238E27FC236}">
                <a16:creationId xmlns:a16="http://schemas.microsoft.com/office/drawing/2014/main" id="{60BBF48C-5F0C-CDBB-00CC-445CF7FA92CA}"/>
              </a:ext>
            </a:extLst>
          </p:cNvPr>
          <p:cNvCxnSpPr>
            <a:cxnSpLocks/>
          </p:cNvCxnSpPr>
          <p:nvPr/>
        </p:nvCxnSpPr>
        <p:spPr>
          <a:xfrm flipH="1" flipV="1">
            <a:off x="5853613" y="4534602"/>
            <a:ext cx="124357" cy="89079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97722C8A-9BF5-D01D-DD3C-A1F529F40928}"/>
              </a:ext>
            </a:extLst>
          </p:cNvPr>
          <p:cNvCxnSpPr>
            <a:cxnSpLocks/>
          </p:cNvCxnSpPr>
          <p:nvPr/>
        </p:nvCxnSpPr>
        <p:spPr>
          <a:xfrm flipV="1">
            <a:off x="5854539" y="4316803"/>
            <a:ext cx="0" cy="224692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Straight Connector 125">
            <a:extLst>
              <a:ext uri="{FF2B5EF4-FFF2-40B4-BE49-F238E27FC236}">
                <a16:creationId xmlns:a16="http://schemas.microsoft.com/office/drawing/2014/main" id="{A6590A68-FD32-5266-F222-F07DB83B99EB}"/>
              </a:ext>
            </a:extLst>
          </p:cNvPr>
          <p:cNvCxnSpPr>
            <a:cxnSpLocks/>
          </p:cNvCxnSpPr>
          <p:nvPr/>
        </p:nvCxnSpPr>
        <p:spPr>
          <a:xfrm flipV="1">
            <a:off x="6203977" y="4319182"/>
            <a:ext cx="0" cy="228063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7" name="Picture 126">
            <a:extLst>
              <a:ext uri="{FF2B5EF4-FFF2-40B4-BE49-F238E27FC236}">
                <a16:creationId xmlns:a16="http://schemas.microsoft.com/office/drawing/2014/main" id="{02CC42F8-459A-F683-62C2-A4CBD7A3158E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r="49553" b="49565"/>
          <a:stretch>
            <a:fillRect/>
          </a:stretch>
        </p:blipFill>
        <p:spPr>
          <a:xfrm>
            <a:off x="5421217" y="1015099"/>
            <a:ext cx="1845358" cy="1776598"/>
          </a:xfrm>
          <a:custGeom>
            <a:avLst/>
            <a:gdLst>
              <a:gd name="connsiteX0" fmla="*/ 0 w 1328614"/>
              <a:gd name="connsiteY0" fmla="*/ 0 h 1279109"/>
              <a:gd name="connsiteX1" fmla="*/ 1328614 w 1328614"/>
              <a:gd name="connsiteY1" fmla="*/ 0 h 1279109"/>
              <a:gd name="connsiteX2" fmla="*/ 1328614 w 1328614"/>
              <a:gd name="connsiteY2" fmla="*/ 1279109 h 1279109"/>
              <a:gd name="connsiteX3" fmla="*/ 0 w 1328614"/>
              <a:gd name="connsiteY3" fmla="*/ 1279109 h 12791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328614" h="1279109">
                <a:moveTo>
                  <a:pt x="0" y="0"/>
                </a:moveTo>
                <a:lnTo>
                  <a:pt x="1328614" y="0"/>
                </a:lnTo>
                <a:lnTo>
                  <a:pt x="1328614" y="1279109"/>
                </a:lnTo>
                <a:lnTo>
                  <a:pt x="0" y="1279109"/>
                </a:lnTo>
                <a:close/>
              </a:path>
            </a:pathLst>
          </a:custGeom>
        </p:spPr>
      </p:pic>
      <p:sp>
        <p:nvSpPr>
          <p:cNvPr id="128" name="Arc 127">
            <a:extLst>
              <a:ext uri="{FF2B5EF4-FFF2-40B4-BE49-F238E27FC236}">
                <a16:creationId xmlns:a16="http://schemas.microsoft.com/office/drawing/2014/main" id="{7C618D20-48DD-FC34-6DC1-3188E2EBFC47}"/>
              </a:ext>
            </a:extLst>
          </p:cNvPr>
          <p:cNvSpPr/>
          <p:nvPr/>
        </p:nvSpPr>
        <p:spPr>
          <a:xfrm flipH="1">
            <a:off x="6045095" y="1316260"/>
            <a:ext cx="3407610" cy="2950499"/>
          </a:xfrm>
          <a:prstGeom prst="arc">
            <a:avLst>
              <a:gd name="adj1" fmla="val 17439593"/>
              <a:gd name="adj2" fmla="val 21507734"/>
            </a:avLst>
          </a:prstGeom>
          <a:ln w="127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9" name="Arc 128">
            <a:extLst>
              <a:ext uri="{FF2B5EF4-FFF2-40B4-BE49-F238E27FC236}">
                <a16:creationId xmlns:a16="http://schemas.microsoft.com/office/drawing/2014/main" id="{7890B2F6-DDF8-7E72-F2D8-6E47F6E3F9D2}"/>
              </a:ext>
            </a:extLst>
          </p:cNvPr>
          <p:cNvSpPr/>
          <p:nvPr/>
        </p:nvSpPr>
        <p:spPr>
          <a:xfrm flipH="1">
            <a:off x="6035206" y="1579512"/>
            <a:ext cx="2572391" cy="2596756"/>
          </a:xfrm>
          <a:prstGeom prst="arc">
            <a:avLst>
              <a:gd name="adj1" fmla="val 16389979"/>
              <a:gd name="adj2" fmla="val 21507734"/>
            </a:avLst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0" name="Arc 129">
            <a:extLst>
              <a:ext uri="{FF2B5EF4-FFF2-40B4-BE49-F238E27FC236}">
                <a16:creationId xmlns:a16="http://schemas.microsoft.com/office/drawing/2014/main" id="{01E7C2FE-CAA1-77B0-E653-FA2393D62647}"/>
              </a:ext>
            </a:extLst>
          </p:cNvPr>
          <p:cNvSpPr/>
          <p:nvPr/>
        </p:nvSpPr>
        <p:spPr>
          <a:xfrm flipH="1">
            <a:off x="6038614" y="1720628"/>
            <a:ext cx="2279573" cy="2334950"/>
          </a:xfrm>
          <a:prstGeom prst="arc">
            <a:avLst>
              <a:gd name="adj1" fmla="val 16017162"/>
              <a:gd name="adj2" fmla="val 21507734"/>
            </a:avLst>
          </a:prstGeom>
          <a:ln w="127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E1137192-587C-6F2B-23A6-CC963F1DC067}"/>
              </a:ext>
            </a:extLst>
          </p:cNvPr>
          <p:cNvGrpSpPr/>
          <p:nvPr/>
        </p:nvGrpSpPr>
        <p:grpSpPr>
          <a:xfrm rot="16200000">
            <a:off x="5125007" y="3850228"/>
            <a:ext cx="293475" cy="1180990"/>
            <a:chOff x="5496639" y="2949979"/>
            <a:chExt cx="211295" cy="850285"/>
          </a:xfrm>
        </p:grpSpPr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BA0BFF5D-FB4A-CB66-68C0-573B841974A4}"/>
                </a:ext>
              </a:extLst>
            </p:cNvPr>
            <p:cNvCxnSpPr>
              <a:cxnSpLocks/>
            </p:cNvCxnSpPr>
            <p:nvPr/>
          </p:nvCxnSpPr>
          <p:spPr>
            <a:xfrm rot="5400000">
              <a:off x="5415353" y="3613330"/>
              <a:ext cx="373350" cy="518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3" name="Oval 132">
              <a:extLst>
                <a:ext uri="{FF2B5EF4-FFF2-40B4-BE49-F238E27FC236}">
                  <a16:creationId xmlns:a16="http://schemas.microsoft.com/office/drawing/2014/main" id="{285242D3-D201-08A5-99D8-7DC3BD196B65}"/>
                </a:ext>
              </a:extLst>
            </p:cNvPr>
            <p:cNvSpPr/>
            <p:nvPr/>
          </p:nvSpPr>
          <p:spPr>
            <a:xfrm>
              <a:off x="5496639" y="3217994"/>
              <a:ext cx="211295" cy="208919"/>
            </a:xfrm>
            <a:prstGeom prst="ellipse">
              <a:avLst/>
            </a:prstGeom>
            <a:noFill/>
            <a:ln>
              <a:solidFill>
                <a:schemeClr val="accent6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500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69BB0C4E-A54C-9FC3-8F0E-AB03AB6AA241}"/>
                </a:ext>
              </a:extLst>
            </p:cNvPr>
            <p:cNvCxnSpPr>
              <a:cxnSpLocks/>
            </p:cNvCxnSpPr>
            <p:nvPr/>
          </p:nvCxnSpPr>
          <p:spPr>
            <a:xfrm>
              <a:off x="5575497" y="3393896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5" name="Straight Connector 134">
              <a:extLst>
                <a:ext uri="{FF2B5EF4-FFF2-40B4-BE49-F238E27FC236}">
                  <a16:creationId xmlns:a16="http://schemas.microsoft.com/office/drawing/2014/main" id="{78BC10EF-AB06-54A8-EC2B-7920AF9B6B7C}"/>
                </a:ext>
              </a:extLst>
            </p:cNvPr>
            <p:cNvCxnSpPr>
              <a:cxnSpLocks/>
            </p:cNvCxnSpPr>
            <p:nvPr/>
          </p:nvCxnSpPr>
          <p:spPr>
            <a:xfrm>
              <a:off x="5575497" y="3274833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6" name="Straight Connector 135">
              <a:extLst>
                <a:ext uri="{FF2B5EF4-FFF2-40B4-BE49-F238E27FC236}">
                  <a16:creationId xmlns:a16="http://schemas.microsoft.com/office/drawing/2014/main" id="{9F916D4C-566C-19D6-53AE-F5793E64E38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600896" y="3244188"/>
              <a:ext cx="0" cy="6160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7" name="Straight Connector 136">
              <a:extLst>
                <a:ext uri="{FF2B5EF4-FFF2-40B4-BE49-F238E27FC236}">
                  <a16:creationId xmlns:a16="http://schemas.microsoft.com/office/drawing/2014/main" id="{F4F9260B-B391-5367-9503-0C11A2797877}"/>
                </a:ext>
              </a:extLst>
            </p:cNvPr>
            <p:cNvCxnSpPr>
              <a:cxnSpLocks/>
              <a:endCxn id="133" idx="0"/>
            </p:cNvCxnSpPr>
            <p:nvPr/>
          </p:nvCxnSpPr>
          <p:spPr>
            <a:xfrm rot="5400000">
              <a:off x="5468280" y="3083986"/>
              <a:ext cx="268015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38" name="TextBox 137">
            <a:extLst>
              <a:ext uri="{FF2B5EF4-FFF2-40B4-BE49-F238E27FC236}">
                <a16:creationId xmlns:a16="http://schemas.microsoft.com/office/drawing/2014/main" id="{996B648D-B81F-B4B9-B3CF-A0D8ABE73428}"/>
              </a:ext>
            </a:extLst>
          </p:cNvPr>
          <p:cNvSpPr txBox="1"/>
          <p:nvPr/>
        </p:nvSpPr>
        <p:spPr>
          <a:xfrm>
            <a:off x="4873764" y="4533099"/>
            <a:ext cx="8070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dirty="0">
                <a:latin typeface="+mj-lt"/>
                <a:cs typeface="Times New Roman" panose="02020603050405020304" pitchFamily="18" charset="0"/>
              </a:rPr>
              <a:t>2 kV</a:t>
            </a:r>
          </a:p>
        </p:txBody>
      </p:sp>
      <p:cxnSp>
        <p:nvCxnSpPr>
          <p:cNvPr id="139" name="Straight Connector 138">
            <a:extLst>
              <a:ext uri="{FF2B5EF4-FFF2-40B4-BE49-F238E27FC236}">
                <a16:creationId xmlns:a16="http://schemas.microsoft.com/office/drawing/2014/main" id="{9B7F2B09-593C-9406-BDDC-1B15EE658A2D}"/>
              </a:ext>
            </a:extLst>
          </p:cNvPr>
          <p:cNvCxnSpPr>
            <a:cxnSpLocks/>
          </p:cNvCxnSpPr>
          <p:nvPr/>
        </p:nvCxnSpPr>
        <p:spPr>
          <a:xfrm flipH="1">
            <a:off x="6659681" y="5935394"/>
            <a:ext cx="715387" cy="1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Straight Connector 139">
            <a:extLst>
              <a:ext uri="{FF2B5EF4-FFF2-40B4-BE49-F238E27FC236}">
                <a16:creationId xmlns:a16="http://schemas.microsoft.com/office/drawing/2014/main" id="{9C6FE668-DA55-EDC8-A036-FD324381C9D2}"/>
              </a:ext>
            </a:extLst>
          </p:cNvPr>
          <p:cNvCxnSpPr>
            <a:cxnSpLocks/>
          </p:cNvCxnSpPr>
          <p:nvPr/>
        </p:nvCxnSpPr>
        <p:spPr>
          <a:xfrm flipV="1">
            <a:off x="6664841" y="5642356"/>
            <a:ext cx="0" cy="293039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TextBox 140">
            <a:extLst>
              <a:ext uri="{FF2B5EF4-FFF2-40B4-BE49-F238E27FC236}">
                <a16:creationId xmlns:a16="http://schemas.microsoft.com/office/drawing/2014/main" id="{9BEE67D5-86AB-E28D-10FB-B024F3D4A575}"/>
              </a:ext>
            </a:extLst>
          </p:cNvPr>
          <p:cNvSpPr txBox="1"/>
          <p:nvPr/>
        </p:nvSpPr>
        <p:spPr>
          <a:xfrm>
            <a:off x="6152455" y="4816804"/>
            <a:ext cx="8988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Ionizer</a:t>
            </a:r>
          </a:p>
        </p:txBody>
      </p:sp>
      <p:sp>
        <p:nvSpPr>
          <p:cNvPr id="142" name="TextBox 141">
            <a:extLst>
              <a:ext uri="{FF2B5EF4-FFF2-40B4-BE49-F238E27FC236}">
                <a16:creationId xmlns:a16="http://schemas.microsoft.com/office/drawing/2014/main" id="{8934AC4A-0E87-7177-975D-D57AAF402065}"/>
              </a:ext>
            </a:extLst>
          </p:cNvPr>
          <p:cNvSpPr txBox="1"/>
          <p:nvPr/>
        </p:nvSpPr>
        <p:spPr>
          <a:xfrm>
            <a:off x="6099395" y="2891270"/>
            <a:ext cx="162063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Radioactive </a:t>
            </a:r>
          </a:p>
          <a:p>
            <a:r>
              <a:rPr lang="en-CA">
                <a:latin typeface="+mj-lt"/>
                <a:cs typeface="Times New Roman" panose="02020603050405020304" pitchFamily="18" charset="0"/>
              </a:rPr>
              <a:t>Ion</a:t>
            </a:r>
          </a:p>
          <a:p>
            <a:r>
              <a:rPr lang="en-CA">
                <a:latin typeface="+mj-lt"/>
                <a:cs typeface="Times New Roman" panose="02020603050405020304" pitchFamily="18" charset="0"/>
              </a:rPr>
              <a:t>Beam</a:t>
            </a:r>
          </a:p>
        </p:txBody>
      </p:sp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id="{AF27E1F0-3A75-CEC5-DC7D-9C0745A0E5E7}"/>
              </a:ext>
            </a:extLst>
          </p:cNvPr>
          <p:cNvCxnSpPr>
            <a:cxnSpLocks/>
            <a:stCxn id="145" idx="1"/>
          </p:cNvCxnSpPr>
          <p:nvPr/>
        </p:nvCxnSpPr>
        <p:spPr>
          <a:xfrm flipH="1">
            <a:off x="7248167" y="1576277"/>
            <a:ext cx="1238890" cy="6542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Straight Connector 143">
            <a:extLst>
              <a:ext uri="{FF2B5EF4-FFF2-40B4-BE49-F238E27FC236}">
                <a16:creationId xmlns:a16="http://schemas.microsoft.com/office/drawing/2014/main" id="{262E176A-E22E-AEB0-65B8-90D5A1CDEFC4}"/>
              </a:ext>
            </a:extLst>
          </p:cNvPr>
          <p:cNvCxnSpPr>
            <a:cxnSpLocks/>
            <a:endCxn id="187" idx="0"/>
          </p:cNvCxnSpPr>
          <p:nvPr/>
        </p:nvCxnSpPr>
        <p:spPr>
          <a:xfrm flipH="1" flipV="1">
            <a:off x="8265184" y="1624672"/>
            <a:ext cx="12407" cy="111868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" name="Rectangle 144">
            <a:extLst>
              <a:ext uri="{FF2B5EF4-FFF2-40B4-BE49-F238E27FC236}">
                <a16:creationId xmlns:a16="http://schemas.microsoft.com/office/drawing/2014/main" id="{E357D787-74F1-E88C-3700-7A5332D7FFA8}"/>
              </a:ext>
            </a:extLst>
          </p:cNvPr>
          <p:cNvSpPr/>
          <p:nvPr/>
        </p:nvSpPr>
        <p:spPr>
          <a:xfrm>
            <a:off x="8487060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6" name="Rectangle 145">
            <a:extLst>
              <a:ext uri="{FF2B5EF4-FFF2-40B4-BE49-F238E27FC236}">
                <a16:creationId xmlns:a16="http://schemas.microsoft.com/office/drawing/2014/main" id="{163755A1-57B1-6E38-6DCC-A6937F006A49}"/>
              </a:ext>
            </a:extLst>
          </p:cNvPr>
          <p:cNvSpPr/>
          <p:nvPr/>
        </p:nvSpPr>
        <p:spPr>
          <a:xfrm>
            <a:off x="8957933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7" name="Rectangle 146">
            <a:extLst>
              <a:ext uri="{FF2B5EF4-FFF2-40B4-BE49-F238E27FC236}">
                <a16:creationId xmlns:a16="http://schemas.microsoft.com/office/drawing/2014/main" id="{D9A7EBE8-D5FE-9A0B-6E05-96E9465A7762}"/>
              </a:ext>
            </a:extLst>
          </p:cNvPr>
          <p:cNvSpPr/>
          <p:nvPr/>
        </p:nvSpPr>
        <p:spPr>
          <a:xfrm>
            <a:off x="9434000" y="1423723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8" name="Rectangle 147">
            <a:extLst>
              <a:ext uri="{FF2B5EF4-FFF2-40B4-BE49-F238E27FC236}">
                <a16:creationId xmlns:a16="http://schemas.microsoft.com/office/drawing/2014/main" id="{07C90E8F-CC1D-F047-48F8-8D709F174A08}"/>
              </a:ext>
            </a:extLst>
          </p:cNvPr>
          <p:cNvSpPr/>
          <p:nvPr/>
        </p:nvSpPr>
        <p:spPr>
          <a:xfrm>
            <a:off x="9906562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9" name="Rectangle 148">
            <a:extLst>
              <a:ext uri="{FF2B5EF4-FFF2-40B4-BE49-F238E27FC236}">
                <a16:creationId xmlns:a16="http://schemas.microsoft.com/office/drawing/2014/main" id="{2FFD7608-0536-4B7B-D72B-A2C63A3C24C6}"/>
              </a:ext>
            </a:extLst>
          </p:cNvPr>
          <p:cNvSpPr/>
          <p:nvPr/>
        </p:nvSpPr>
        <p:spPr>
          <a:xfrm>
            <a:off x="10379123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0" name="Rectangle 149">
            <a:extLst>
              <a:ext uri="{FF2B5EF4-FFF2-40B4-BE49-F238E27FC236}">
                <a16:creationId xmlns:a16="http://schemas.microsoft.com/office/drawing/2014/main" id="{0A7218A7-DB25-38FF-DBB7-D7DD15584604}"/>
              </a:ext>
            </a:extLst>
          </p:cNvPr>
          <p:cNvSpPr/>
          <p:nvPr/>
        </p:nvSpPr>
        <p:spPr>
          <a:xfrm>
            <a:off x="10851684" y="1418329"/>
            <a:ext cx="357960" cy="315896"/>
          </a:xfrm>
          <a:prstGeom prst="rect">
            <a:avLst/>
          </a:prstGeom>
          <a:solidFill>
            <a:srgbClr val="FFC000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1" name="Rectangle 150">
            <a:extLst>
              <a:ext uri="{FF2B5EF4-FFF2-40B4-BE49-F238E27FC236}">
                <a16:creationId xmlns:a16="http://schemas.microsoft.com/office/drawing/2014/main" id="{7A7EDFE6-2F26-7592-6F70-FAF7FA49E68F}"/>
              </a:ext>
            </a:extLst>
          </p:cNvPr>
          <p:cNvSpPr/>
          <p:nvPr/>
        </p:nvSpPr>
        <p:spPr>
          <a:xfrm>
            <a:off x="8435297" y="1325090"/>
            <a:ext cx="2863150" cy="507135"/>
          </a:xfrm>
          <a:prstGeom prst="rect">
            <a:avLst/>
          </a:prstGeom>
          <a:noFill/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2" name="Rectangle: Rounded Corners 151">
            <a:extLst>
              <a:ext uri="{FF2B5EF4-FFF2-40B4-BE49-F238E27FC236}">
                <a16:creationId xmlns:a16="http://schemas.microsoft.com/office/drawing/2014/main" id="{C7FD5A26-80ED-B1AD-4BC8-97C8DB4CA220}"/>
              </a:ext>
            </a:extLst>
          </p:cNvPr>
          <p:cNvSpPr/>
          <p:nvPr/>
        </p:nvSpPr>
        <p:spPr>
          <a:xfrm>
            <a:off x="7874139" y="2748528"/>
            <a:ext cx="1588455" cy="713601"/>
          </a:xfrm>
          <a:prstGeom prst="roundRect">
            <a:avLst/>
          </a:prstGeom>
          <a:solidFill>
            <a:srgbClr val="FF000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Low energy experiments</a:t>
            </a:r>
          </a:p>
        </p:txBody>
      </p:sp>
      <p:sp>
        <p:nvSpPr>
          <p:cNvPr id="155" name="Rectangle: Rounded Corners 154">
            <a:extLst>
              <a:ext uri="{FF2B5EF4-FFF2-40B4-BE49-F238E27FC236}">
                <a16:creationId xmlns:a16="http://schemas.microsoft.com/office/drawing/2014/main" id="{C373AE05-307C-3116-BAEB-8DB1743D5148}"/>
              </a:ext>
            </a:extLst>
          </p:cNvPr>
          <p:cNvSpPr/>
          <p:nvPr/>
        </p:nvSpPr>
        <p:spPr>
          <a:xfrm>
            <a:off x="10286620" y="2743351"/>
            <a:ext cx="1577331" cy="718778"/>
          </a:xfrm>
          <a:prstGeom prst="roundRect">
            <a:avLst/>
          </a:prstGeom>
          <a:solidFill>
            <a:srgbClr val="FFC00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>
                <a:solidFill>
                  <a:schemeClr val="tx1"/>
                </a:solidFill>
                <a:latin typeface="+mj-lt"/>
                <a:cs typeface="Times New Roman" panose="02020603050405020304" pitchFamily="18" charset="0"/>
              </a:rPr>
              <a:t>High energy experiments</a:t>
            </a:r>
          </a:p>
        </p:txBody>
      </p:sp>
      <p:grpSp>
        <p:nvGrpSpPr>
          <p:cNvPr id="156" name="Group 155">
            <a:extLst>
              <a:ext uri="{FF2B5EF4-FFF2-40B4-BE49-F238E27FC236}">
                <a16:creationId xmlns:a16="http://schemas.microsoft.com/office/drawing/2014/main" id="{5A9C1803-D303-CDE2-A108-1389EAF85A45}"/>
              </a:ext>
            </a:extLst>
          </p:cNvPr>
          <p:cNvGrpSpPr/>
          <p:nvPr/>
        </p:nvGrpSpPr>
        <p:grpSpPr>
          <a:xfrm rot="5400000">
            <a:off x="8918567" y="3485709"/>
            <a:ext cx="347728" cy="269000"/>
            <a:chOff x="5916991" y="4442062"/>
            <a:chExt cx="250356" cy="193674"/>
          </a:xfrm>
        </p:grpSpPr>
        <p:cxnSp>
          <p:nvCxnSpPr>
            <p:cNvPr id="157" name="Straight Connector 156">
              <a:extLst>
                <a:ext uri="{FF2B5EF4-FFF2-40B4-BE49-F238E27FC236}">
                  <a16:creationId xmlns:a16="http://schemas.microsoft.com/office/drawing/2014/main" id="{DF1669C7-5BFD-013A-D735-FE1863E78F8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916991" y="4541476"/>
              <a:ext cx="183681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8" name="Straight Connector 157">
              <a:extLst>
                <a:ext uri="{FF2B5EF4-FFF2-40B4-BE49-F238E27FC236}">
                  <a16:creationId xmlns:a16="http://schemas.microsoft.com/office/drawing/2014/main" id="{86681B89-B2DC-F0C5-F012-6F2A710A38E0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03834" y="4538899"/>
              <a:ext cx="193674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9" name="Straight Connector 158">
              <a:extLst>
                <a:ext uri="{FF2B5EF4-FFF2-40B4-BE49-F238E27FC236}">
                  <a16:creationId xmlns:a16="http://schemas.microsoft.com/office/drawing/2014/main" id="{0E1C41A5-1A77-CCEB-4471-3592E1FEDBE5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80431" y="4536915"/>
              <a:ext cx="107156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0" name="Straight Connector 159">
              <a:extLst>
                <a:ext uri="{FF2B5EF4-FFF2-40B4-BE49-F238E27FC236}">
                  <a16:creationId xmlns:a16="http://schemas.microsoft.com/office/drawing/2014/main" id="{08E43FCD-4D3F-18F1-0BE9-8D1F8B044CFA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140558" y="4538899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61" name="Group 160">
            <a:extLst>
              <a:ext uri="{FF2B5EF4-FFF2-40B4-BE49-F238E27FC236}">
                <a16:creationId xmlns:a16="http://schemas.microsoft.com/office/drawing/2014/main" id="{2CB485B8-9AFD-860F-AEAB-77929861022E}"/>
              </a:ext>
            </a:extLst>
          </p:cNvPr>
          <p:cNvGrpSpPr/>
          <p:nvPr/>
        </p:nvGrpSpPr>
        <p:grpSpPr>
          <a:xfrm rot="5400000">
            <a:off x="11286389" y="3497404"/>
            <a:ext cx="347728" cy="269000"/>
            <a:chOff x="5916991" y="4442062"/>
            <a:chExt cx="250356" cy="193674"/>
          </a:xfrm>
        </p:grpSpPr>
        <p:cxnSp>
          <p:nvCxnSpPr>
            <p:cNvPr id="162" name="Straight Connector 161">
              <a:extLst>
                <a:ext uri="{FF2B5EF4-FFF2-40B4-BE49-F238E27FC236}">
                  <a16:creationId xmlns:a16="http://schemas.microsoft.com/office/drawing/2014/main" id="{3825E1DA-4D20-6FDE-29F1-02879B19DA1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916991" y="4541476"/>
              <a:ext cx="183681" cy="1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3" name="Straight Connector 162">
              <a:extLst>
                <a:ext uri="{FF2B5EF4-FFF2-40B4-BE49-F238E27FC236}">
                  <a16:creationId xmlns:a16="http://schemas.microsoft.com/office/drawing/2014/main" id="{FA37A9E7-F16D-EFB0-386F-4EEAEDB10FD0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03834" y="4538899"/>
              <a:ext cx="193674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Straight Connector 163">
              <a:extLst>
                <a:ext uri="{FF2B5EF4-FFF2-40B4-BE49-F238E27FC236}">
                  <a16:creationId xmlns:a16="http://schemas.microsoft.com/office/drawing/2014/main" id="{E3D2E800-12CE-EDF3-F01B-5962D5EEEF0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080431" y="4536915"/>
              <a:ext cx="107156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5" name="Straight Connector 164">
              <a:extLst>
                <a:ext uri="{FF2B5EF4-FFF2-40B4-BE49-F238E27FC236}">
                  <a16:creationId xmlns:a16="http://schemas.microsoft.com/office/drawing/2014/main" id="{D1924FF1-5B07-3EAE-DC1A-BDD15BC7861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6140558" y="4538899"/>
              <a:ext cx="53578" cy="0"/>
            </a:xfrm>
            <a:prstGeom prst="line">
              <a:avLst/>
            </a:prstGeom>
            <a:ln w="12700">
              <a:solidFill>
                <a:schemeClr val="accent6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66" name="TextBox 165">
            <a:extLst>
              <a:ext uri="{FF2B5EF4-FFF2-40B4-BE49-F238E27FC236}">
                <a16:creationId xmlns:a16="http://schemas.microsoft.com/office/drawing/2014/main" id="{4ADDB271-3E3B-F9A6-2F8F-EC05B6E78459}"/>
              </a:ext>
            </a:extLst>
          </p:cNvPr>
          <p:cNvSpPr txBox="1"/>
          <p:nvPr/>
        </p:nvSpPr>
        <p:spPr>
          <a:xfrm>
            <a:off x="8742351" y="844835"/>
            <a:ext cx="212697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Post-accelerator</a:t>
            </a:r>
          </a:p>
        </p:txBody>
      </p:sp>
      <p:sp>
        <p:nvSpPr>
          <p:cNvPr id="167" name="TextBox 166">
            <a:extLst>
              <a:ext uri="{FF2B5EF4-FFF2-40B4-BE49-F238E27FC236}">
                <a16:creationId xmlns:a16="http://schemas.microsoft.com/office/drawing/2014/main" id="{FCE889C6-7569-B2FA-6556-1ECC1FFAD5D2}"/>
              </a:ext>
            </a:extLst>
          </p:cNvPr>
          <p:cNvSpPr txBox="1"/>
          <p:nvPr/>
        </p:nvSpPr>
        <p:spPr>
          <a:xfrm>
            <a:off x="5664295" y="644384"/>
            <a:ext cx="20110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>
                <a:latin typeface="+mj-lt"/>
                <a:cs typeface="Times New Roman" panose="02020603050405020304" pitchFamily="18" charset="0"/>
              </a:rPr>
              <a:t>Mass separator</a:t>
            </a:r>
          </a:p>
        </p:txBody>
      </p:sp>
      <p:cxnSp>
        <p:nvCxnSpPr>
          <p:cNvPr id="168" name="Straight Connector 167">
            <a:extLst>
              <a:ext uri="{FF2B5EF4-FFF2-40B4-BE49-F238E27FC236}">
                <a16:creationId xmlns:a16="http://schemas.microsoft.com/office/drawing/2014/main" id="{107B1015-88DC-7024-2247-0BD2F081BCD9}"/>
              </a:ext>
            </a:extLst>
          </p:cNvPr>
          <p:cNvCxnSpPr>
            <a:cxnSpLocks/>
          </p:cNvCxnSpPr>
          <p:nvPr/>
        </p:nvCxnSpPr>
        <p:spPr>
          <a:xfrm flipH="1" flipV="1">
            <a:off x="11429191" y="1576278"/>
            <a:ext cx="6614" cy="1167071"/>
          </a:xfrm>
          <a:prstGeom prst="line">
            <a:avLst/>
          </a:prstGeom>
          <a:ln w="127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TextBox 168">
            <a:extLst>
              <a:ext uri="{FF2B5EF4-FFF2-40B4-BE49-F238E27FC236}">
                <a16:creationId xmlns:a16="http://schemas.microsoft.com/office/drawing/2014/main" id="{8B766448-9530-81B0-7E8D-4246CDADF9CA}"/>
              </a:ext>
            </a:extLst>
          </p:cNvPr>
          <p:cNvSpPr txBox="1"/>
          <p:nvPr/>
        </p:nvSpPr>
        <p:spPr>
          <a:xfrm>
            <a:off x="8128041" y="4115054"/>
            <a:ext cx="137505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Neutrals</a:t>
            </a:r>
            <a:endParaRPr lang="en-CA" sz="2400">
              <a:latin typeface="+mj-lt"/>
            </a:endParaRPr>
          </a:p>
        </p:txBody>
      </p:sp>
      <p:sp>
        <p:nvSpPr>
          <p:cNvPr id="170" name="TextBox 169">
            <a:extLst>
              <a:ext uri="{FF2B5EF4-FFF2-40B4-BE49-F238E27FC236}">
                <a16:creationId xmlns:a16="http://schemas.microsoft.com/office/drawing/2014/main" id="{97350808-2623-7C1A-A0C4-6F025F36F066}"/>
              </a:ext>
            </a:extLst>
          </p:cNvPr>
          <p:cNvSpPr txBox="1"/>
          <p:nvPr/>
        </p:nvSpPr>
        <p:spPr>
          <a:xfrm>
            <a:off x="8132852" y="4479913"/>
            <a:ext cx="137505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Ions</a:t>
            </a:r>
            <a:endParaRPr lang="en-CA" sz="2400">
              <a:latin typeface="+mj-lt"/>
            </a:endParaRPr>
          </a:p>
        </p:txBody>
      </p:sp>
      <p:sp>
        <p:nvSpPr>
          <p:cNvPr id="171" name="Oval 170">
            <a:extLst>
              <a:ext uri="{FF2B5EF4-FFF2-40B4-BE49-F238E27FC236}">
                <a16:creationId xmlns:a16="http://schemas.microsoft.com/office/drawing/2014/main" id="{DA45BD65-C979-4AC4-C917-1CC31762A53A}"/>
              </a:ext>
            </a:extLst>
          </p:cNvPr>
          <p:cNvSpPr/>
          <p:nvPr/>
        </p:nvSpPr>
        <p:spPr>
          <a:xfrm flipV="1">
            <a:off x="6465140" y="537430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2" name="Oval 171">
            <a:extLst>
              <a:ext uri="{FF2B5EF4-FFF2-40B4-BE49-F238E27FC236}">
                <a16:creationId xmlns:a16="http://schemas.microsoft.com/office/drawing/2014/main" id="{7333C2E0-6D3A-7309-185C-B038626B9848}"/>
              </a:ext>
            </a:extLst>
          </p:cNvPr>
          <p:cNvSpPr/>
          <p:nvPr/>
        </p:nvSpPr>
        <p:spPr>
          <a:xfrm flipV="1">
            <a:off x="6077571" y="5444243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3" name="Oval 172">
            <a:extLst>
              <a:ext uri="{FF2B5EF4-FFF2-40B4-BE49-F238E27FC236}">
                <a16:creationId xmlns:a16="http://schemas.microsoft.com/office/drawing/2014/main" id="{808EEF60-0135-4642-41D9-AEA38A7BD978}"/>
              </a:ext>
            </a:extLst>
          </p:cNvPr>
          <p:cNvSpPr/>
          <p:nvPr/>
        </p:nvSpPr>
        <p:spPr>
          <a:xfrm flipV="1">
            <a:off x="6084537" y="536516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4" name="Oval 173">
            <a:extLst>
              <a:ext uri="{FF2B5EF4-FFF2-40B4-BE49-F238E27FC236}">
                <a16:creationId xmlns:a16="http://schemas.microsoft.com/office/drawing/2014/main" id="{71371A51-8F6E-F5AB-F3FB-522B52F2B3A5}"/>
              </a:ext>
            </a:extLst>
          </p:cNvPr>
          <p:cNvSpPr/>
          <p:nvPr/>
        </p:nvSpPr>
        <p:spPr>
          <a:xfrm flipV="1">
            <a:off x="5959393" y="517200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5" name="Oval 174">
            <a:extLst>
              <a:ext uri="{FF2B5EF4-FFF2-40B4-BE49-F238E27FC236}">
                <a16:creationId xmlns:a16="http://schemas.microsoft.com/office/drawing/2014/main" id="{17D24109-288D-6527-4716-51312EE0571D}"/>
              </a:ext>
            </a:extLst>
          </p:cNvPr>
          <p:cNvSpPr/>
          <p:nvPr/>
        </p:nvSpPr>
        <p:spPr>
          <a:xfrm flipV="1">
            <a:off x="5995831" y="4959163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6" name="Oval 175">
            <a:extLst>
              <a:ext uri="{FF2B5EF4-FFF2-40B4-BE49-F238E27FC236}">
                <a16:creationId xmlns:a16="http://schemas.microsoft.com/office/drawing/2014/main" id="{553A22D4-B52A-36A8-1D95-AF6BF5A2D6AF}"/>
              </a:ext>
            </a:extLst>
          </p:cNvPr>
          <p:cNvSpPr/>
          <p:nvPr/>
        </p:nvSpPr>
        <p:spPr>
          <a:xfrm flipV="1">
            <a:off x="5985629" y="4724065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7" name="Oval 176">
            <a:extLst>
              <a:ext uri="{FF2B5EF4-FFF2-40B4-BE49-F238E27FC236}">
                <a16:creationId xmlns:a16="http://schemas.microsoft.com/office/drawing/2014/main" id="{F685E4FA-90AD-7293-2BB2-02FB437FB5BA}"/>
              </a:ext>
            </a:extLst>
          </p:cNvPr>
          <p:cNvSpPr/>
          <p:nvPr/>
        </p:nvSpPr>
        <p:spPr>
          <a:xfrm flipV="1">
            <a:off x="5978669" y="4055578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8" name="Oval 177">
            <a:extLst>
              <a:ext uri="{FF2B5EF4-FFF2-40B4-BE49-F238E27FC236}">
                <a16:creationId xmlns:a16="http://schemas.microsoft.com/office/drawing/2014/main" id="{8EEBB9FF-868B-6B99-1E6E-76F1680A7756}"/>
              </a:ext>
            </a:extLst>
          </p:cNvPr>
          <p:cNvSpPr/>
          <p:nvPr/>
        </p:nvSpPr>
        <p:spPr>
          <a:xfrm flipV="1">
            <a:off x="5985387" y="3082761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9" name="Oval 178">
            <a:extLst>
              <a:ext uri="{FF2B5EF4-FFF2-40B4-BE49-F238E27FC236}">
                <a16:creationId xmlns:a16="http://schemas.microsoft.com/office/drawing/2014/main" id="{311D2567-CCA4-FB5B-DFE3-53BB3083EB6E}"/>
              </a:ext>
            </a:extLst>
          </p:cNvPr>
          <p:cNvSpPr/>
          <p:nvPr/>
        </p:nvSpPr>
        <p:spPr>
          <a:xfrm flipV="1">
            <a:off x="6610106" y="1605950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0" name="Oval 179">
            <a:extLst>
              <a:ext uri="{FF2B5EF4-FFF2-40B4-BE49-F238E27FC236}">
                <a16:creationId xmlns:a16="http://schemas.microsoft.com/office/drawing/2014/main" id="{E22F919E-A67C-1C59-5261-163FA5B5958E}"/>
              </a:ext>
            </a:extLst>
          </p:cNvPr>
          <p:cNvSpPr/>
          <p:nvPr/>
        </p:nvSpPr>
        <p:spPr>
          <a:xfrm flipV="1">
            <a:off x="7066743" y="1678636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1" name="Oval 180">
            <a:extLst>
              <a:ext uri="{FF2B5EF4-FFF2-40B4-BE49-F238E27FC236}">
                <a16:creationId xmlns:a16="http://schemas.microsoft.com/office/drawing/2014/main" id="{765E9768-A360-B5B2-1E2B-11D13A704533}"/>
              </a:ext>
            </a:extLst>
          </p:cNvPr>
          <p:cNvSpPr/>
          <p:nvPr/>
        </p:nvSpPr>
        <p:spPr>
          <a:xfrm flipV="1">
            <a:off x="6866909" y="1598635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2" name="Oval 181">
            <a:extLst>
              <a:ext uri="{FF2B5EF4-FFF2-40B4-BE49-F238E27FC236}">
                <a16:creationId xmlns:a16="http://schemas.microsoft.com/office/drawing/2014/main" id="{6FA1DF14-1213-46AE-FFB0-67AD3BCEFB83}"/>
              </a:ext>
            </a:extLst>
          </p:cNvPr>
          <p:cNvSpPr/>
          <p:nvPr/>
        </p:nvSpPr>
        <p:spPr>
          <a:xfrm flipV="1">
            <a:off x="7961214" y="433181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3" name="Oval 182">
            <a:extLst>
              <a:ext uri="{FF2B5EF4-FFF2-40B4-BE49-F238E27FC236}">
                <a16:creationId xmlns:a16="http://schemas.microsoft.com/office/drawing/2014/main" id="{80F5C04F-AD4B-7097-E16A-951A7415BE33}"/>
              </a:ext>
            </a:extLst>
          </p:cNvPr>
          <p:cNvSpPr/>
          <p:nvPr/>
        </p:nvSpPr>
        <p:spPr>
          <a:xfrm flipV="1">
            <a:off x="7964970" y="4696789"/>
            <a:ext cx="99150" cy="96788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4" name="Oval 183">
            <a:extLst>
              <a:ext uri="{FF2B5EF4-FFF2-40B4-BE49-F238E27FC236}">
                <a16:creationId xmlns:a16="http://schemas.microsoft.com/office/drawing/2014/main" id="{29B0DDEF-64EF-3F98-F47E-2D2D5A5F6ACA}"/>
              </a:ext>
            </a:extLst>
          </p:cNvPr>
          <p:cNvSpPr/>
          <p:nvPr/>
        </p:nvSpPr>
        <p:spPr>
          <a:xfrm flipV="1">
            <a:off x="9307484" y="4333167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5" name="TextBox 184">
            <a:extLst>
              <a:ext uri="{FF2B5EF4-FFF2-40B4-BE49-F238E27FC236}">
                <a16:creationId xmlns:a16="http://schemas.microsoft.com/office/drawing/2014/main" id="{C1F3591C-DC3A-5B90-19FC-B8C93B00E82D}"/>
              </a:ext>
            </a:extLst>
          </p:cNvPr>
          <p:cNvSpPr txBox="1"/>
          <p:nvPr/>
        </p:nvSpPr>
        <p:spPr>
          <a:xfrm>
            <a:off x="9506085" y="4153848"/>
            <a:ext cx="2295497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Isobars only</a:t>
            </a:r>
            <a:endParaRPr lang="en-CA" sz="2400">
              <a:latin typeface="+mj-lt"/>
            </a:endParaRPr>
          </a:p>
        </p:txBody>
      </p:sp>
      <p:cxnSp>
        <p:nvCxnSpPr>
          <p:cNvPr id="186" name="Straight Connector 185">
            <a:extLst>
              <a:ext uri="{FF2B5EF4-FFF2-40B4-BE49-F238E27FC236}">
                <a16:creationId xmlns:a16="http://schemas.microsoft.com/office/drawing/2014/main" id="{C3B8550A-7504-3321-2BC0-24510A3074CD}"/>
              </a:ext>
            </a:extLst>
          </p:cNvPr>
          <p:cNvCxnSpPr>
            <a:cxnSpLocks/>
            <a:endCxn id="150" idx="3"/>
          </p:cNvCxnSpPr>
          <p:nvPr/>
        </p:nvCxnSpPr>
        <p:spPr>
          <a:xfrm flipH="1">
            <a:off x="11209642" y="1576277"/>
            <a:ext cx="226163" cy="0"/>
          </a:xfrm>
          <a:prstGeom prst="line">
            <a:avLst/>
          </a:prstGeom>
          <a:ln w="127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7" name="Oval 186">
            <a:extLst>
              <a:ext uri="{FF2B5EF4-FFF2-40B4-BE49-F238E27FC236}">
                <a16:creationId xmlns:a16="http://schemas.microsoft.com/office/drawing/2014/main" id="{0705FF5C-7A42-77AE-1AC5-624BBEAFAD78}"/>
              </a:ext>
            </a:extLst>
          </p:cNvPr>
          <p:cNvSpPr/>
          <p:nvPr/>
        </p:nvSpPr>
        <p:spPr>
          <a:xfrm flipV="1">
            <a:off x="8215607" y="1527884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8" name="Oval 187">
            <a:extLst>
              <a:ext uri="{FF2B5EF4-FFF2-40B4-BE49-F238E27FC236}">
                <a16:creationId xmlns:a16="http://schemas.microsoft.com/office/drawing/2014/main" id="{A4CF42C7-4892-C095-D434-750D7E76A0C5}"/>
              </a:ext>
            </a:extLst>
          </p:cNvPr>
          <p:cNvSpPr/>
          <p:nvPr/>
        </p:nvSpPr>
        <p:spPr>
          <a:xfrm flipV="1">
            <a:off x="8228015" y="2233152"/>
            <a:ext cx="99150" cy="96788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9" name="Oval 188">
            <a:extLst>
              <a:ext uri="{FF2B5EF4-FFF2-40B4-BE49-F238E27FC236}">
                <a16:creationId xmlns:a16="http://schemas.microsoft.com/office/drawing/2014/main" id="{584E266A-EF53-9A0D-B4E8-438B332B463C}"/>
              </a:ext>
            </a:extLst>
          </p:cNvPr>
          <p:cNvSpPr/>
          <p:nvPr/>
        </p:nvSpPr>
        <p:spPr>
          <a:xfrm flipV="1">
            <a:off x="11383462" y="1853214"/>
            <a:ext cx="99150" cy="96788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0" name="Oval 189">
            <a:extLst>
              <a:ext uri="{FF2B5EF4-FFF2-40B4-BE49-F238E27FC236}">
                <a16:creationId xmlns:a16="http://schemas.microsoft.com/office/drawing/2014/main" id="{013D0143-0F58-DF1B-B913-B005ECA149A2}"/>
              </a:ext>
            </a:extLst>
          </p:cNvPr>
          <p:cNvSpPr/>
          <p:nvPr/>
        </p:nvSpPr>
        <p:spPr>
          <a:xfrm flipV="1">
            <a:off x="11383027" y="2518490"/>
            <a:ext cx="99150" cy="96788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1" name="Oval 190">
            <a:extLst>
              <a:ext uri="{FF2B5EF4-FFF2-40B4-BE49-F238E27FC236}">
                <a16:creationId xmlns:a16="http://schemas.microsoft.com/office/drawing/2014/main" id="{1C17B048-C5D2-30AB-8C7E-750A1CDF41D4}"/>
              </a:ext>
            </a:extLst>
          </p:cNvPr>
          <p:cNvSpPr/>
          <p:nvPr/>
        </p:nvSpPr>
        <p:spPr>
          <a:xfrm flipV="1">
            <a:off x="9303412" y="4695879"/>
            <a:ext cx="99150" cy="96788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2" name="TextBox 191">
            <a:extLst>
              <a:ext uri="{FF2B5EF4-FFF2-40B4-BE49-F238E27FC236}">
                <a16:creationId xmlns:a16="http://schemas.microsoft.com/office/drawing/2014/main" id="{B2E5C05D-B7EE-7FF7-4E47-B7D6EA96F327}"/>
              </a:ext>
            </a:extLst>
          </p:cNvPr>
          <p:cNvSpPr txBox="1"/>
          <p:nvPr/>
        </p:nvSpPr>
        <p:spPr>
          <a:xfrm>
            <a:off x="9502013" y="4517336"/>
            <a:ext cx="2295497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>
                <a:latin typeface="+mj-lt"/>
                <a:cs typeface="Times New Roman" panose="02020603050405020304" pitchFamily="18" charset="0"/>
              </a:rPr>
              <a:t>Post-accelerated</a:t>
            </a:r>
            <a:endParaRPr lang="en-CA" sz="2400">
              <a:latin typeface="+mj-lt"/>
            </a:endParaRPr>
          </a:p>
        </p:txBody>
      </p:sp>
      <p:sp>
        <p:nvSpPr>
          <p:cNvPr id="193" name="Oval 192">
            <a:extLst>
              <a:ext uri="{FF2B5EF4-FFF2-40B4-BE49-F238E27FC236}">
                <a16:creationId xmlns:a16="http://schemas.microsoft.com/office/drawing/2014/main" id="{0B65ECDB-B734-B377-46D7-13AF9B44CC44}"/>
              </a:ext>
            </a:extLst>
          </p:cNvPr>
          <p:cNvSpPr/>
          <p:nvPr/>
        </p:nvSpPr>
        <p:spPr>
          <a:xfrm flipV="1">
            <a:off x="5859283" y="5421458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4" name="Oval 193">
            <a:extLst>
              <a:ext uri="{FF2B5EF4-FFF2-40B4-BE49-F238E27FC236}">
                <a16:creationId xmlns:a16="http://schemas.microsoft.com/office/drawing/2014/main" id="{ABCF5139-DDD5-2B7A-597E-9DD6792F8C30}"/>
              </a:ext>
            </a:extLst>
          </p:cNvPr>
          <p:cNvSpPr/>
          <p:nvPr/>
        </p:nvSpPr>
        <p:spPr>
          <a:xfrm flipV="1">
            <a:off x="5692590" y="5371589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5" name="Oval 194">
            <a:extLst>
              <a:ext uri="{FF2B5EF4-FFF2-40B4-BE49-F238E27FC236}">
                <a16:creationId xmlns:a16="http://schemas.microsoft.com/office/drawing/2014/main" id="{B8631334-0A75-675E-8B60-6A71E3D5CB2A}"/>
              </a:ext>
            </a:extLst>
          </p:cNvPr>
          <p:cNvSpPr/>
          <p:nvPr/>
        </p:nvSpPr>
        <p:spPr>
          <a:xfrm flipV="1">
            <a:off x="5289330" y="541663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209" name="Straight Arrow Connector 208">
            <a:extLst>
              <a:ext uri="{FF2B5EF4-FFF2-40B4-BE49-F238E27FC236}">
                <a16:creationId xmlns:a16="http://schemas.microsoft.com/office/drawing/2014/main" id="{8458CFCA-3A0B-2F2A-D035-B6B17E178A35}"/>
              </a:ext>
            </a:extLst>
          </p:cNvPr>
          <p:cNvCxnSpPr/>
          <p:nvPr/>
        </p:nvCxnSpPr>
        <p:spPr>
          <a:xfrm>
            <a:off x="640080" y="4151923"/>
            <a:ext cx="1300930" cy="0"/>
          </a:xfrm>
          <a:prstGeom prst="straightConnector1">
            <a:avLst/>
          </a:prstGeom>
          <a:ln w="28575">
            <a:solidFill>
              <a:srgbClr val="00A4FF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" name="TextBox 210">
            <a:extLst>
              <a:ext uri="{FF2B5EF4-FFF2-40B4-BE49-F238E27FC236}">
                <a16:creationId xmlns:a16="http://schemas.microsoft.com/office/drawing/2014/main" id="{C60A7C8E-1031-7AF9-9165-6490778E05A6}"/>
              </a:ext>
            </a:extLst>
          </p:cNvPr>
          <p:cNvSpPr txBox="1"/>
          <p:nvPr/>
        </p:nvSpPr>
        <p:spPr>
          <a:xfrm>
            <a:off x="704540" y="3696490"/>
            <a:ext cx="11750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rgbClr val="009FE0"/>
                </a:solidFill>
              </a:rPr>
              <a:t>18 m</a:t>
            </a:r>
            <a:endParaRPr lang="en-CA"/>
          </a:p>
        </p:txBody>
      </p:sp>
      <p:cxnSp>
        <p:nvCxnSpPr>
          <p:cNvPr id="212" name="Straight Arrow Connector 211">
            <a:extLst>
              <a:ext uri="{FF2B5EF4-FFF2-40B4-BE49-F238E27FC236}">
                <a16:creationId xmlns:a16="http://schemas.microsoft.com/office/drawing/2014/main" id="{EC6FFBF7-30C1-261B-7F38-BB990E05BC52}"/>
              </a:ext>
            </a:extLst>
          </p:cNvPr>
          <p:cNvCxnSpPr>
            <a:cxnSpLocks/>
          </p:cNvCxnSpPr>
          <p:nvPr/>
        </p:nvCxnSpPr>
        <p:spPr>
          <a:xfrm>
            <a:off x="5105730" y="6395119"/>
            <a:ext cx="1911644" cy="0"/>
          </a:xfrm>
          <a:prstGeom prst="straightConnector1">
            <a:avLst/>
          </a:prstGeom>
          <a:ln w="28575">
            <a:solidFill>
              <a:schemeClr val="bg1">
                <a:lumMod val="65000"/>
              </a:schemeClr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3" name="TextBox 212">
            <a:extLst>
              <a:ext uri="{FF2B5EF4-FFF2-40B4-BE49-F238E27FC236}">
                <a16:creationId xmlns:a16="http://schemas.microsoft.com/office/drawing/2014/main" id="{2F082AAF-DBFD-B044-689C-7C2B720DC622}"/>
              </a:ext>
            </a:extLst>
          </p:cNvPr>
          <p:cNvSpPr txBox="1"/>
          <p:nvPr/>
        </p:nvSpPr>
        <p:spPr>
          <a:xfrm>
            <a:off x="5447432" y="6456235"/>
            <a:ext cx="11750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>
                <a:solidFill>
                  <a:schemeClr val="bg1">
                    <a:lumMod val="65000"/>
                  </a:schemeClr>
                </a:solidFill>
              </a:rPr>
              <a:t>2</a:t>
            </a:r>
            <a:r>
              <a:rPr lang="en-CA" sz="1800">
                <a:solidFill>
                  <a:schemeClr val="bg1">
                    <a:lumMod val="65000"/>
                  </a:schemeClr>
                </a:solidFill>
              </a:rPr>
              <a:t>0 cm</a:t>
            </a:r>
            <a:endParaRPr lang="en-CA">
              <a:solidFill>
                <a:schemeClr val="bg1">
                  <a:lumMod val="65000"/>
                </a:schemeClr>
              </a:solidFill>
            </a:endParaRPr>
          </a:p>
        </p:txBody>
      </p:sp>
      <p:sp>
        <p:nvSpPr>
          <p:cNvPr id="217" name="Oval 216">
            <a:extLst>
              <a:ext uri="{FF2B5EF4-FFF2-40B4-BE49-F238E27FC236}">
                <a16:creationId xmlns:a16="http://schemas.microsoft.com/office/drawing/2014/main" id="{7467B595-4C89-0BE5-9489-9A19027241AD}"/>
              </a:ext>
            </a:extLst>
          </p:cNvPr>
          <p:cNvSpPr/>
          <p:nvPr/>
        </p:nvSpPr>
        <p:spPr>
          <a:xfrm flipV="1">
            <a:off x="6376162" y="5426895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18" name="Oval 217">
            <a:extLst>
              <a:ext uri="{FF2B5EF4-FFF2-40B4-BE49-F238E27FC236}">
                <a16:creationId xmlns:a16="http://schemas.microsoft.com/office/drawing/2014/main" id="{7970A2D0-9061-B6F8-C3E6-12BE663D77AC}"/>
              </a:ext>
            </a:extLst>
          </p:cNvPr>
          <p:cNvSpPr/>
          <p:nvPr/>
        </p:nvSpPr>
        <p:spPr>
          <a:xfrm flipV="1">
            <a:off x="5163967" y="5378501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CEF52A94-2B38-6576-06CF-3881386AFE39}"/>
              </a:ext>
            </a:extLst>
          </p:cNvPr>
          <p:cNvSpPr txBox="1"/>
          <p:nvPr/>
        </p:nvSpPr>
        <p:spPr>
          <a:xfrm>
            <a:off x="4659966" y="689298"/>
            <a:ext cx="67328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1600">
                <a:latin typeface="Times New Roman" panose="02020603050405020304" pitchFamily="18" charset="0"/>
                <a:cs typeface="Times New Roman" panose="02020603050405020304" pitchFamily="18" charset="0"/>
              </a:rPr>
              <a:t>[</a:t>
            </a:r>
            <a:r>
              <a:rPr lang="en-CA" sz="1600" err="1">
                <a:latin typeface="Times New Roman" panose="02020603050405020304" pitchFamily="18" charset="0"/>
                <a:cs typeface="Times New Roman" panose="02020603050405020304" pitchFamily="18" charset="0"/>
              </a:rPr>
              <a:t>pps</a:t>
            </a:r>
            <a:r>
              <a:rPr lang="en-CA" sz="1600">
                <a:latin typeface="Times New Roman" panose="02020603050405020304" pitchFamily="18" charset="0"/>
                <a:cs typeface="Times New Roman" panose="02020603050405020304" pitchFamily="18" charset="0"/>
              </a:rPr>
              <a:t>]</a:t>
            </a:r>
          </a:p>
        </p:txBody>
      </p:sp>
      <p:pic>
        <p:nvPicPr>
          <p:cNvPr id="154" name="Picture 153">
            <a:extLst>
              <a:ext uri="{FF2B5EF4-FFF2-40B4-BE49-F238E27FC236}">
                <a16:creationId xmlns:a16="http://schemas.microsoft.com/office/drawing/2014/main" id="{23A19B40-2839-3D7F-AA59-351B87CEF2E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7065" y="893029"/>
            <a:ext cx="4678511" cy="2829998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F836ABEC-250A-D4EC-AE5B-778B4E10F55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1760" y="948711"/>
            <a:ext cx="3903832" cy="2432663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" name="TextBox 1">
                <a:extLst>
                  <a:ext uri="{FF2B5EF4-FFF2-40B4-BE49-F238E27FC236}">
                    <a16:creationId xmlns:a16="http://schemas.microsoft.com/office/drawing/2014/main" id="{3B9EE4DA-10C5-C2B4-1CFC-B986D5AB4DDD}"/>
                  </a:ext>
                </a:extLst>
              </p:cNvPr>
              <p:cNvSpPr txBox="1"/>
              <p:nvPr/>
            </p:nvSpPr>
            <p:spPr>
              <a:xfrm>
                <a:off x="8654030" y="5291582"/>
                <a:ext cx="2106410" cy="27699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𝐼</m:t>
                      </m:r>
                      <m:r>
                        <a:rPr lang="en-US" b="0" i="1" baseline="-25000" smtClean="0">
                          <a:latin typeface="Cambria Math" panose="02040503050406030204" pitchFamily="18" charset="0"/>
                        </a:rPr>
                        <m:t>𝑅𝐼𝐵</m:t>
                      </m:r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i="1">
                          <a:latin typeface="Cambria Math" panose="02040503050406030204" pitchFamily="18" charset="0"/>
                        </a:rPr>
                        <m:t>𝐼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US" i="1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en-US" i="1" baseline="-25000">
                          <a:latin typeface="Cambria Math" panose="02040503050406030204" pitchFamily="18" charset="0"/>
                        </a:rPr>
                        <m:t>𝑡𝑎𝑟𝑔</m:t>
                      </m:r>
                      <m:r>
                        <a:rPr lang="en-US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𝜎</m:t>
                      </m:r>
                      <m:r>
                        <a:rPr lang="en-US" b="0" i="1" baseline="-25000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𝑖</m:t>
                      </m:r>
                      <m:r>
                        <a:rPr lang="en-US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𝜀</m:t>
                      </m:r>
                    </m:oMath>
                  </m:oMathPara>
                </a14:m>
                <a:endParaRPr lang="en-CA"/>
              </a:p>
            </p:txBody>
          </p:sp>
        </mc:Choice>
        <mc:Fallback xmlns="">
          <p:sp>
            <p:nvSpPr>
              <p:cNvPr id="2" name="TextBox 1">
                <a:extLst>
                  <a:ext uri="{FF2B5EF4-FFF2-40B4-BE49-F238E27FC236}">
                    <a16:creationId xmlns:a16="http://schemas.microsoft.com/office/drawing/2014/main" id="{3B9EE4DA-10C5-C2B4-1CFC-B986D5AB4DD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654030" y="5291582"/>
                <a:ext cx="2106410" cy="276999"/>
              </a:xfrm>
              <a:prstGeom prst="rect">
                <a:avLst/>
              </a:prstGeom>
              <a:blipFill>
                <a:blip r:embed="rId6"/>
                <a:stretch>
                  <a:fillRect l="-2029" r="-580" b="-3333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5509029F-3808-9244-B07B-86900EA4E0A4}"/>
                  </a:ext>
                </a:extLst>
              </p:cNvPr>
              <p:cNvSpPr txBox="1"/>
              <p:nvPr/>
            </p:nvSpPr>
            <p:spPr>
              <a:xfrm>
                <a:off x="8815567" y="5689973"/>
                <a:ext cx="1851917" cy="27699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𝜀</m:t>
                    </m:r>
                    <m:r>
                      <a:rPr lang="en-US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</m:t>
                    </m:r>
                    <m:r>
                      <a:rPr lang="en-US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𝜀</m:t>
                    </m:r>
                    <m:r>
                      <a:rPr lang="en-US" b="0" i="1" baseline="-2500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𝑅</m:t>
                    </m:r>
                    <m:r>
                      <a:rPr lang="en-US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∙</m:t>
                    </m:r>
                    <m:r>
                      <a:rPr lang="en-US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𝜀</m:t>
                    </m:r>
                    <m:r>
                      <a:rPr lang="en-US" b="0" i="1" baseline="-2500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𝐼</m:t>
                    </m:r>
                    <m:r>
                      <a:rPr lang="en-US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∙</m:t>
                    </m:r>
                  </m:oMath>
                </a14:m>
                <a:r>
                  <a:rPr lang="en-US">
                    <a:ea typeface="Cambria Math" panose="02040503050406030204" pitchFamily="18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US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𝜀</m:t>
                    </m:r>
                    <m:r>
                      <a:rPr lang="en-US" b="0" i="1" baseline="-2500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𝑀𝑆</m:t>
                    </m:r>
                    <m:r>
                      <a:rPr lang="en-US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∙</m:t>
                    </m:r>
                  </m:oMath>
                </a14:m>
                <a:r>
                  <a:rPr lang="en-US">
                    <a:ea typeface="Cambria Math" panose="02040503050406030204" pitchFamily="18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US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𝜀</m:t>
                    </m:r>
                    <m:r>
                      <a:rPr lang="en-US" b="0" i="1" baseline="-2500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𝑇</m:t>
                    </m:r>
                  </m:oMath>
                </a14:m>
                <a:endParaRPr lang="en-CA" baseline="-25000"/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5509029F-3808-9244-B07B-86900EA4E0A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815567" y="5689973"/>
                <a:ext cx="1851917" cy="276999"/>
              </a:xfrm>
              <a:prstGeom prst="rect">
                <a:avLst/>
              </a:prstGeom>
              <a:blipFill>
                <a:blip r:embed="rId7"/>
                <a:stretch>
                  <a:fillRect l="-3289" r="-1974" b="-1521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2F79A29C-ADA0-F270-DA09-13E2A3C88C30}"/>
              </a:ext>
            </a:extLst>
          </p:cNvPr>
          <p:cNvCxnSpPr>
            <a:cxnSpLocks/>
          </p:cNvCxnSpPr>
          <p:nvPr/>
        </p:nvCxnSpPr>
        <p:spPr>
          <a:xfrm>
            <a:off x="8540325" y="812169"/>
            <a:ext cx="2602999" cy="0"/>
          </a:xfrm>
          <a:prstGeom prst="straightConnector1">
            <a:avLst/>
          </a:prstGeom>
          <a:ln w="28575">
            <a:solidFill>
              <a:srgbClr val="FFC000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96CD6B7C-8D99-CFE1-82D0-BE4C6BE5B4D5}"/>
              </a:ext>
            </a:extLst>
          </p:cNvPr>
          <p:cNvSpPr txBox="1"/>
          <p:nvPr/>
        </p:nvSpPr>
        <p:spPr>
          <a:xfrm>
            <a:off x="9291407" y="456106"/>
            <a:ext cx="11750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rgbClr val="FFA500"/>
                </a:solidFill>
                <a:latin typeface="+mj-lt"/>
              </a:rPr>
              <a:t>10 - 50 m</a:t>
            </a:r>
            <a:endParaRPr lang="en-CA">
              <a:solidFill>
                <a:srgbClr val="FFA500"/>
              </a:solidFill>
              <a:latin typeface="+mj-lt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6212BE01-18DA-E4DA-AD59-48F5F3988953}"/>
              </a:ext>
            </a:extLst>
          </p:cNvPr>
          <p:cNvSpPr/>
          <p:nvPr/>
        </p:nvSpPr>
        <p:spPr>
          <a:xfrm flipV="1">
            <a:off x="5359833" y="5301380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BD483CAC-9BD3-72B3-3A18-C50E1B3D61DE}"/>
              </a:ext>
            </a:extLst>
          </p:cNvPr>
          <p:cNvSpPr/>
          <p:nvPr/>
        </p:nvSpPr>
        <p:spPr>
          <a:xfrm flipV="1">
            <a:off x="5565655" y="535271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65805BDE-8DA8-7473-371E-34E3DF08563D}"/>
              </a:ext>
            </a:extLst>
          </p:cNvPr>
          <p:cNvSpPr/>
          <p:nvPr/>
        </p:nvSpPr>
        <p:spPr>
          <a:xfrm flipV="1">
            <a:off x="5823361" y="531647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8F869DF0-2A54-D5E3-965F-8A9D4DB4E996}"/>
              </a:ext>
            </a:extLst>
          </p:cNvPr>
          <p:cNvSpPr/>
          <p:nvPr/>
        </p:nvSpPr>
        <p:spPr>
          <a:xfrm flipV="1">
            <a:off x="5997392" y="5267221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D0A8F4E4-70BB-5C54-D84E-202A98988308}"/>
              </a:ext>
            </a:extLst>
          </p:cNvPr>
          <p:cNvSpPr/>
          <p:nvPr/>
        </p:nvSpPr>
        <p:spPr>
          <a:xfrm flipV="1">
            <a:off x="6209106" y="533329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5F67C801-1C66-EF02-4AEF-7F20A2D0A2E1}"/>
              </a:ext>
            </a:extLst>
          </p:cNvPr>
          <p:cNvSpPr/>
          <p:nvPr/>
        </p:nvSpPr>
        <p:spPr>
          <a:xfrm flipV="1">
            <a:off x="6617477" y="5388806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F9619F71-86B5-464E-1A2F-4CB8E6358B0B}"/>
              </a:ext>
            </a:extLst>
          </p:cNvPr>
          <p:cNvSpPr/>
          <p:nvPr/>
        </p:nvSpPr>
        <p:spPr>
          <a:xfrm flipV="1">
            <a:off x="6877482" y="5319849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F2D3D690-4636-AB6D-1419-A6520D535E6A}"/>
              </a:ext>
            </a:extLst>
          </p:cNvPr>
          <p:cNvSpPr/>
          <p:nvPr/>
        </p:nvSpPr>
        <p:spPr>
          <a:xfrm flipV="1">
            <a:off x="5973428" y="539811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781DF7E9-62FA-C170-8995-BADF06F349B8}"/>
              </a:ext>
            </a:extLst>
          </p:cNvPr>
          <p:cNvSpPr/>
          <p:nvPr/>
        </p:nvSpPr>
        <p:spPr>
          <a:xfrm flipV="1">
            <a:off x="6231659" y="5524885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1F208541-1E20-70BE-0E99-7C3185A207CE}"/>
              </a:ext>
            </a:extLst>
          </p:cNvPr>
          <p:cNvSpPr/>
          <p:nvPr/>
        </p:nvSpPr>
        <p:spPr>
          <a:xfrm flipV="1">
            <a:off x="5950846" y="5534444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E14DB997-52F2-F60A-F038-EB090C7F38CA}"/>
              </a:ext>
            </a:extLst>
          </p:cNvPr>
          <p:cNvSpPr/>
          <p:nvPr/>
        </p:nvSpPr>
        <p:spPr>
          <a:xfrm flipV="1">
            <a:off x="6281234" y="5413558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604E9F0D-72A9-C472-EDA6-47EF3F80F59C}"/>
              </a:ext>
            </a:extLst>
          </p:cNvPr>
          <p:cNvSpPr/>
          <p:nvPr/>
        </p:nvSpPr>
        <p:spPr>
          <a:xfrm flipV="1">
            <a:off x="5490780" y="5463240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1D160E5E-E3C0-C3F0-AB8D-C2C499363AA2}"/>
              </a:ext>
            </a:extLst>
          </p:cNvPr>
          <p:cNvSpPr/>
          <p:nvPr/>
        </p:nvSpPr>
        <p:spPr>
          <a:xfrm flipV="1">
            <a:off x="5779086" y="5440147"/>
            <a:ext cx="99150" cy="96788"/>
          </a:xfrm>
          <a:prstGeom prst="ellipse">
            <a:avLst/>
          </a:prstGeom>
          <a:solidFill>
            <a:srgbClr val="52B55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50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536E63C4-F0A6-725F-51D5-D8D4A8CBBF5B}"/>
              </a:ext>
            </a:extLst>
          </p:cNvPr>
          <p:cNvCxnSpPr>
            <a:cxnSpLocks/>
          </p:cNvCxnSpPr>
          <p:nvPr/>
        </p:nvCxnSpPr>
        <p:spPr>
          <a:xfrm flipH="1" flipV="1">
            <a:off x="1900239" y="1504950"/>
            <a:ext cx="962882" cy="1031837"/>
          </a:xfrm>
          <a:prstGeom prst="line">
            <a:avLst/>
          </a:prstGeom>
          <a:ln w="19050">
            <a:solidFill>
              <a:srgbClr val="FF0000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62" name="Group 261">
            <a:extLst>
              <a:ext uri="{FF2B5EF4-FFF2-40B4-BE49-F238E27FC236}">
                <a16:creationId xmlns:a16="http://schemas.microsoft.com/office/drawing/2014/main" id="{DD2A0DF4-D373-C701-84BC-D200EAD54747}"/>
              </a:ext>
            </a:extLst>
          </p:cNvPr>
          <p:cNvGrpSpPr/>
          <p:nvPr/>
        </p:nvGrpSpPr>
        <p:grpSpPr>
          <a:xfrm>
            <a:off x="4113588" y="127574"/>
            <a:ext cx="7826874" cy="3915081"/>
            <a:chOff x="4113588" y="127574"/>
            <a:chExt cx="7826874" cy="3915081"/>
          </a:xfrm>
        </p:grpSpPr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6EAD1D16-B04C-5799-B668-39241C58EECE}"/>
                </a:ext>
              </a:extLst>
            </p:cNvPr>
            <p:cNvGrpSpPr/>
            <p:nvPr/>
          </p:nvGrpSpPr>
          <p:grpSpPr>
            <a:xfrm>
              <a:off x="9500185" y="127574"/>
              <a:ext cx="2351704" cy="1940914"/>
              <a:chOff x="9500185" y="-15301"/>
              <a:chExt cx="2351704" cy="1940914"/>
            </a:xfrm>
          </p:grpSpPr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6FF7BA71-D347-C151-E5C7-D7E269739E5E}"/>
                  </a:ext>
                </a:extLst>
              </p:cNvPr>
              <p:cNvGrpSpPr>
                <a:grpSpLocks noChangeAspect="1"/>
              </p:cNvGrpSpPr>
              <p:nvPr/>
            </p:nvGrpSpPr>
            <p:grpSpPr>
              <a:xfrm>
                <a:off x="10121789" y="755377"/>
                <a:ext cx="663151" cy="606574"/>
                <a:chOff x="5382428" y="3296922"/>
                <a:chExt cx="1095879" cy="1002383"/>
              </a:xfrm>
            </p:grpSpPr>
            <p:sp>
              <p:nvSpPr>
                <p:cNvPr id="41" name="Oval 40">
                  <a:extLst>
                    <a:ext uri="{FF2B5EF4-FFF2-40B4-BE49-F238E27FC236}">
                      <a16:creationId xmlns:a16="http://schemas.microsoft.com/office/drawing/2014/main" id="{ADCBCF0A-7B1B-BF31-3511-234630728B17}"/>
                    </a:ext>
                  </a:extLst>
                </p:cNvPr>
                <p:cNvSpPr/>
                <p:nvPr/>
              </p:nvSpPr>
              <p:spPr>
                <a:xfrm>
                  <a:off x="5424058" y="3506054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42" name="Oval 41">
                  <a:extLst>
                    <a:ext uri="{FF2B5EF4-FFF2-40B4-BE49-F238E27FC236}">
                      <a16:creationId xmlns:a16="http://schemas.microsoft.com/office/drawing/2014/main" id="{B6F5A1E4-FE5F-CD49-DA85-1EFEF5F7E078}"/>
                    </a:ext>
                  </a:extLst>
                </p:cNvPr>
                <p:cNvSpPr/>
                <p:nvPr/>
              </p:nvSpPr>
              <p:spPr>
                <a:xfrm>
                  <a:off x="5575359" y="3774858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43" name="Oval 42">
                  <a:extLst>
                    <a:ext uri="{FF2B5EF4-FFF2-40B4-BE49-F238E27FC236}">
                      <a16:creationId xmlns:a16="http://schemas.microsoft.com/office/drawing/2014/main" id="{2F426013-5401-2E94-3D08-BF1562D068DE}"/>
                    </a:ext>
                  </a:extLst>
                </p:cNvPr>
                <p:cNvSpPr/>
                <p:nvPr/>
              </p:nvSpPr>
              <p:spPr>
                <a:xfrm>
                  <a:off x="6176140" y="3576877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44" name="Oval 43">
                  <a:extLst>
                    <a:ext uri="{FF2B5EF4-FFF2-40B4-BE49-F238E27FC236}">
                      <a16:creationId xmlns:a16="http://schemas.microsoft.com/office/drawing/2014/main" id="{105CAB8F-84D4-2D71-8AAB-DC0F6EC1EE8B}"/>
                    </a:ext>
                  </a:extLst>
                </p:cNvPr>
                <p:cNvSpPr/>
                <p:nvPr/>
              </p:nvSpPr>
              <p:spPr>
                <a:xfrm>
                  <a:off x="5612660" y="3954290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45" name="Oval 44">
                  <a:extLst>
                    <a:ext uri="{FF2B5EF4-FFF2-40B4-BE49-F238E27FC236}">
                      <a16:creationId xmlns:a16="http://schemas.microsoft.com/office/drawing/2014/main" id="{C614D7BD-D6B2-B5D9-6FB0-B47795711AAA}"/>
                    </a:ext>
                  </a:extLst>
                </p:cNvPr>
                <p:cNvSpPr/>
                <p:nvPr/>
              </p:nvSpPr>
              <p:spPr>
                <a:xfrm>
                  <a:off x="5976028" y="3442835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46" name="Oval 45">
                  <a:extLst>
                    <a:ext uri="{FF2B5EF4-FFF2-40B4-BE49-F238E27FC236}">
                      <a16:creationId xmlns:a16="http://schemas.microsoft.com/office/drawing/2014/main" id="{FA0B4DBB-1565-1F57-77B1-2213A3136F23}"/>
                    </a:ext>
                  </a:extLst>
                </p:cNvPr>
                <p:cNvSpPr/>
                <p:nvPr/>
              </p:nvSpPr>
              <p:spPr>
                <a:xfrm>
                  <a:off x="5839959" y="3318553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47" name="Oval 46">
                  <a:extLst>
                    <a:ext uri="{FF2B5EF4-FFF2-40B4-BE49-F238E27FC236}">
                      <a16:creationId xmlns:a16="http://schemas.microsoft.com/office/drawing/2014/main" id="{122BAD47-EC47-E7B0-7412-E8D8E224D9B2}"/>
                    </a:ext>
                  </a:extLst>
                </p:cNvPr>
                <p:cNvSpPr/>
                <p:nvPr/>
              </p:nvSpPr>
              <p:spPr>
                <a:xfrm>
                  <a:off x="5574158" y="3310055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48" name="Oval 47">
                  <a:extLst>
                    <a:ext uri="{FF2B5EF4-FFF2-40B4-BE49-F238E27FC236}">
                      <a16:creationId xmlns:a16="http://schemas.microsoft.com/office/drawing/2014/main" id="{D41E7ECB-93DC-FEBD-6103-6D9FF08ECCD6}"/>
                    </a:ext>
                  </a:extLst>
                </p:cNvPr>
                <p:cNvSpPr/>
                <p:nvPr/>
              </p:nvSpPr>
              <p:spPr>
                <a:xfrm>
                  <a:off x="5854798" y="4014737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49" name="Oval 48">
                  <a:extLst>
                    <a:ext uri="{FF2B5EF4-FFF2-40B4-BE49-F238E27FC236}">
                      <a16:creationId xmlns:a16="http://schemas.microsoft.com/office/drawing/2014/main" id="{64E5B709-95F6-D7A8-5CE5-683096571309}"/>
                    </a:ext>
                  </a:extLst>
                </p:cNvPr>
                <p:cNvSpPr/>
                <p:nvPr/>
              </p:nvSpPr>
              <p:spPr>
                <a:xfrm>
                  <a:off x="6048597" y="3327192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50" name="Oval 49">
                  <a:extLst>
                    <a:ext uri="{FF2B5EF4-FFF2-40B4-BE49-F238E27FC236}">
                      <a16:creationId xmlns:a16="http://schemas.microsoft.com/office/drawing/2014/main" id="{A575E3BF-2669-3DDD-6488-C14531148BEB}"/>
                    </a:ext>
                  </a:extLst>
                </p:cNvPr>
                <p:cNvSpPr/>
                <p:nvPr/>
              </p:nvSpPr>
              <p:spPr>
                <a:xfrm>
                  <a:off x="6159562" y="3839786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51" name="Oval 50">
                  <a:extLst>
                    <a:ext uri="{FF2B5EF4-FFF2-40B4-BE49-F238E27FC236}">
                      <a16:creationId xmlns:a16="http://schemas.microsoft.com/office/drawing/2014/main" id="{C01DE76D-82D0-71FB-CDDA-8B2F688926D7}"/>
                    </a:ext>
                  </a:extLst>
                </p:cNvPr>
                <p:cNvSpPr/>
                <p:nvPr/>
              </p:nvSpPr>
              <p:spPr>
                <a:xfrm>
                  <a:off x="5400707" y="3649469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52" name="Oval 51">
                  <a:extLst>
                    <a:ext uri="{FF2B5EF4-FFF2-40B4-BE49-F238E27FC236}">
                      <a16:creationId xmlns:a16="http://schemas.microsoft.com/office/drawing/2014/main" id="{65F95A0F-8248-0627-30D9-D0EE95DE2BD6}"/>
                    </a:ext>
                  </a:extLst>
                </p:cNvPr>
                <p:cNvSpPr/>
                <p:nvPr/>
              </p:nvSpPr>
              <p:spPr>
                <a:xfrm>
                  <a:off x="5897332" y="3766461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53" name="Oval 52">
                  <a:extLst>
                    <a:ext uri="{FF2B5EF4-FFF2-40B4-BE49-F238E27FC236}">
                      <a16:creationId xmlns:a16="http://schemas.microsoft.com/office/drawing/2014/main" id="{1AE8D1F9-FBE7-48A2-CF55-667D78843705}"/>
                    </a:ext>
                  </a:extLst>
                </p:cNvPr>
                <p:cNvSpPr/>
                <p:nvPr/>
              </p:nvSpPr>
              <p:spPr>
                <a:xfrm>
                  <a:off x="5968089" y="3662019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54" name="Oval 53">
                  <a:extLst>
                    <a:ext uri="{FF2B5EF4-FFF2-40B4-BE49-F238E27FC236}">
                      <a16:creationId xmlns:a16="http://schemas.microsoft.com/office/drawing/2014/main" id="{9C025B96-4E95-3545-7F3D-D3E83A8CDCB8}"/>
                    </a:ext>
                  </a:extLst>
                </p:cNvPr>
                <p:cNvSpPr/>
                <p:nvPr/>
              </p:nvSpPr>
              <p:spPr>
                <a:xfrm>
                  <a:off x="5577909" y="3507287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55" name="Oval 54">
                  <a:extLst>
                    <a:ext uri="{FF2B5EF4-FFF2-40B4-BE49-F238E27FC236}">
                      <a16:creationId xmlns:a16="http://schemas.microsoft.com/office/drawing/2014/main" id="{9C6ECE5E-FC9E-1493-B079-A876D25910A5}"/>
                    </a:ext>
                  </a:extLst>
                </p:cNvPr>
                <p:cNvSpPr/>
                <p:nvPr/>
              </p:nvSpPr>
              <p:spPr>
                <a:xfrm>
                  <a:off x="5680950" y="3655066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56" name="Oval 55">
                  <a:extLst>
                    <a:ext uri="{FF2B5EF4-FFF2-40B4-BE49-F238E27FC236}">
                      <a16:creationId xmlns:a16="http://schemas.microsoft.com/office/drawing/2014/main" id="{7F09C53F-341E-599A-5AA8-6BA57F291D37}"/>
                    </a:ext>
                  </a:extLst>
                </p:cNvPr>
                <p:cNvSpPr/>
                <p:nvPr/>
              </p:nvSpPr>
              <p:spPr>
                <a:xfrm>
                  <a:off x="5984081" y="3911245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57" name="Oval 56">
                  <a:extLst>
                    <a:ext uri="{FF2B5EF4-FFF2-40B4-BE49-F238E27FC236}">
                      <a16:creationId xmlns:a16="http://schemas.microsoft.com/office/drawing/2014/main" id="{C7D19602-9D89-CEFD-FB2F-34C01CECE1C9}"/>
                    </a:ext>
                  </a:extLst>
                </p:cNvPr>
                <p:cNvSpPr/>
                <p:nvPr/>
              </p:nvSpPr>
              <p:spPr>
                <a:xfrm>
                  <a:off x="5824469" y="3513511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58" name="Oval 57">
                  <a:extLst>
                    <a:ext uri="{FF2B5EF4-FFF2-40B4-BE49-F238E27FC236}">
                      <a16:creationId xmlns:a16="http://schemas.microsoft.com/office/drawing/2014/main" id="{F0F20DB7-DEB1-4EFA-E188-8E78163AD340}"/>
                    </a:ext>
                  </a:extLst>
                </p:cNvPr>
                <p:cNvSpPr/>
                <p:nvPr/>
              </p:nvSpPr>
              <p:spPr>
                <a:xfrm>
                  <a:off x="5812708" y="3296922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59" name="Oval 58">
                  <a:extLst>
                    <a:ext uri="{FF2B5EF4-FFF2-40B4-BE49-F238E27FC236}">
                      <a16:creationId xmlns:a16="http://schemas.microsoft.com/office/drawing/2014/main" id="{9F2E5BD8-0866-31FC-4C81-B457712CABE1}"/>
                    </a:ext>
                  </a:extLst>
                </p:cNvPr>
                <p:cNvSpPr/>
                <p:nvPr/>
              </p:nvSpPr>
              <p:spPr>
                <a:xfrm>
                  <a:off x="5382428" y="3774858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60" name="Oval 59">
                  <a:extLst>
                    <a:ext uri="{FF2B5EF4-FFF2-40B4-BE49-F238E27FC236}">
                      <a16:creationId xmlns:a16="http://schemas.microsoft.com/office/drawing/2014/main" id="{2EACD431-94AD-7171-425B-738024346B9C}"/>
                    </a:ext>
                  </a:extLst>
                </p:cNvPr>
                <p:cNvSpPr/>
                <p:nvPr/>
              </p:nvSpPr>
              <p:spPr>
                <a:xfrm>
                  <a:off x="5516078" y="3924807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61" name="Oval 60">
                  <a:extLst>
                    <a:ext uri="{FF2B5EF4-FFF2-40B4-BE49-F238E27FC236}">
                      <a16:creationId xmlns:a16="http://schemas.microsoft.com/office/drawing/2014/main" id="{7DB60EDE-DBBA-5CFB-B489-0BD5CE286E5C}"/>
                    </a:ext>
                  </a:extLst>
                </p:cNvPr>
                <p:cNvSpPr/>
                <p:nvPr/>
              </p:nvSpPr>
              <p:spPr>
                <a:xfrm>
                  <a:off x="5697401" y="3824357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62" name="Oval 61">
                  <a:extLst>
                    <a:ext uri="{FF2B5EF4-FFF2-40B4-BE49-F238E27FC236}">
                      <a16:creationId xmlns:a16="http://schemas.microsoft.com/office/drawing/2014/main" id="{A3F3F4B9-6DA6-D2C2-CAF5-94144D942F81}"/>
                    </a:ext>
                  </a:extLst>
                </p:cNvPr>
                <p:cNvSpPr/>
                <p:nvPr/>
              </p:nvSpPr>
              <p:spPr>
                <a:xfrm>
                  <a:off x="6048597" y="3595426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</p:grpSp>
          <p:cxnSp>
            <p:nvCxnSpPr>
              <p:cNvPr id="25" name="Straight Arrow Connector 24">
                <a:extLst>
                  <a:ext uri="{FF2B5EF4-FFF2-40B4-BE49-F238E27FC236}">
                    <a16:creationId xmlns:a16="http://schemas.microsoft.com/office/drawing/2014/main" id="{968E294C-3055-DE2E-8E51-6DCFF5335D58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827879" y="430594"/>
                <a:ext cx="330071" cy="315491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Straight Arrow Connector 25">
                <a:extLst>
                  <a:ext uri="{FF2B5EF4-FFF2-40B4-BE49-F238E27FC236}">
                    <a16:creationId xmlns:a16="http://schemas.microsoft.com/office/drawing/2014/main" id="{652E0550-A87E-4CC0-397C-A4E018293670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0910212" y="1108212"/>
                <a:ext cx="495476" cy="32229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Straight Arrow Connector 26">
                <a:extLst>
                  <a:ext uri="{FF2B5EF4-FFF2-40B4-BE49-F238E27FC236}">
                    <a16:creationId xmlns:a16="http://schemas.microsoft.com/office/drawing/2014/main" id="{0CF9A622-2371-D1D8-9EED-52D7ED9731B3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0707760" y="1423100"/>
                <a:ext cx="285154" cy="308286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8" name="Oval 27">
                <a:extLst>
                  <a:ext uri="{FF2B5EF4-FFF2-40B4-BE49-F238E27FC236}">
                    <a16:creationId xmlns:a16="http://schemas.microsoft.com/office/drawing/2014/main" id="{B2DC4D7C-C7A0-6384-BFF0-DD68329E8CE5}"/>
                  </a:ext>
                </a:extLst>
              </p:cNvPr>
              <p:cNvSpPr/>
              <p:nvPr/>
            </p:nvSpPr>
            <p:spPr>
              <a:xfrm>
                <a:off x="11215991" y="217889"/>
                <a:ext cx="182851" cy="172201"/>
              </a:xfrm>
              <a:prstGeom prst="ellipse">
                <a:avLst/>
              </a:prstGeom>
              <a:solidFill>
                <a:schemeClr val="bg1">
                  <a:lumMod val="65000"/>
                </a:schemeClr>
              </a:solidFill>
              <a:ln>
                <a:solidFill>
                  <a:schemeClr val="tx1"/>
                </a:solidFill>
              </a:ln>
              <a:effectLst>
                <a:glow rad="63500">
                  <a:schemeClr val="bg1">
                    <a:lumMod val="65000"/>
                    <a:alpha val="40000"/>
                  </a:schemeClr>
                </a:glo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sp>
            <p:nvSpPr>
              <p:cNvPr id="29" name="Oval 28">
                <a:extLst>
                  <a:ext uri="{FF2B5EF4-FFF2-40B4-BE49-F238E27FC236}">
                    <a16:creationId xmlns:a16="http://schemas.microsoft.com/office/drawing/2014/main" id="{4A237B82-D2EE-6B5E-5242-D9C08E73D6F3}"/>
                  </a:ext>
                </a:extLst>
              </p:cNvPr>
              <p:cNvSpPr/>
              <p:nvPr/>
            </p:nvSpPr>
            <p:spPr>
              <a:xfrm>
                <a:off x="9658683" y="201230"/>
                <a:ext cx="182851" cy="172201"/>
              </a:xfrm>
              <a:prstGeom prst="ellipse">
                <a:avLst/>
              </a:prstGeom>
              <a:solidFill>
                <a:srgbClr val="FF0000"/>
              </a:solidFill>
              <a:ln>
                <a:solidFill>
                  <a:schemeClr val="tx1"/>
                </a:solidFill>
              </a:ln>
              <a:effectLst>
                <a:glow rad="63500">
                  <a:srgbClr val="FF0000">
                    <a:alpha val="40000"/>
                  </a:srgbClr>
                </a:glo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sp>
            <p:nvSpPr>
              <p:cNvPr id="30" name="TextBox 29">
                <a:extLst>
                  <a:ext uri="{FF2B5EF4-FFF2-40B4-BE49-F238E27FC236}">
                    <a16:creationId xmlns:a16="http://schemas.microsoft.com/office/drawing/2014/main" id="{FF2E6BC4-E1C7-219B-9935-BDBD63E32294}"/>
                  </a:ext>
                </a:extLst>
              </p:cNvPr>
              <p:cNvSpPr txBox="1"/>
              <p:nvPr/>
            </p:nvSpPr>
            <p:spPr>
              <a:xfrm>
                <a:off x="9871365" y="-15301"/>
                <a:ext cx="1366132" cy="584775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 dirty="0">
                    <a:latin typeface="+mj-lt"/>
                    <a:cs typeface="Times New Roman" panose="02020603050405020304" pitchFamily="18" charset="0"/>
                  </a:rPr>
                  <a:t>Evaporation</a:t>
                </a:r>
              </a:p>
              <a:p>
                <a:pPr algn="ctr"/>
                <a:r>
                  <a:rPr lang="en-US" sz="1600" dirty="0">
                    <a:latin typeface="+mj-lt"/>
                    <a:cs typeface="Times New Roman" panose="02020603050405020304" pitchFamily="18" charset="0"/>
                  </a:rPr>
                  <a:t> t&gt;10</a:t>
                </a:r>
                <a:r>
                  <a:rPr lang="en-US" sz="1600" baseline="30000" dirty="0">
                    <a:latin typeface="+mj-lt"/>
                    <a:cs typeface="Times New Roman" panose="02020603050405020304" pitchFamily="18" charset="0"/>
                  </a:rPr>
                  <a:t>-18</a:t>
                </a:r>
                <a:endParaRPr lang="en-CA" sz="1600" baseline="30000" dirty="0">
                  <a:latin typeface="+mj-lt"/>
                </a:endParaRPr>
              </a:p>
            </p:txBody>
          </p:sp>
          <p:cxnSp>
            <p:nvCxnSpPr>
              <p:cNvPr id="31" name="Straight Arrow Connector 30">
                <a:extLst>
                  <a:ext uri="{FF2B5EF4-FFF2-40B4-BE49-F238E27FC236}">
                    <a16:creationId xmlns:a16="http://schemas.microsoft.com/office/drawing/2014/main" id="{EF442A21-56D1-AE49-DB43-166C8233FDB7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9729137" y="1289828"/>
                <a:ext cx="347125" cy="270132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Straight Arrow Connector 31">
                <a:extLst>
                  <a:ext uri="{FF2B5EF4-FFF2-40B4-BE49-F238E27FC236}">
                    <a16:creationId xmlns:a16="http://schemas.microsoft.com/office/drawing/2014/main" id="{FB26C2B4-44BD-7701-7156-9183E3E1A2C4}"/>
                  </a:ext>
                </a:extLst>
              </p:cNvPr>
              <p:cNvCxnSpPr>
                <a:cxnSpLocks/>
              </p:cNvCxnSpPr>
              <p:nvPr/>
            </p:nvCxnSpPr>
            <p:spPr>
              <a:xfrm flipH="1" flipV="1">
                <a:off x="9841534" y="395008"/>
                <a:ext cx="329700" cy="327272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3" name="Oval 32">
                <a:extLst>
                  <a:ext uri="{FF2B5EF4-FFF2-40B4-BE49-F238E27FC236}">
                    <a16:creationId xmlns:a16="http://schemas.microsoft.com/office/drawing/2014/main" id="{62346897-333C-817D-0D3A-6CDF4F6DAB38}"/>
                  </a:ext>
                </a:extLst>
              </p:cNvPr>
              <p:cNvSpPr/>
              <p:nvPr/>
            </p:nvSpPr>
            <p:spPr>
              <a:xfrm>
                <a:off x="9500185" y="1580127"/>
                <a:ext cx="182851" cy="172201"/>
              </a:xfrm>
              <a:prstGeom prst="ellipse">
                <a:avLst/>
              </a:prstGeom>
              <a:solidFill>
                <a:srgbClr val="FF0000"/>
              </a:solidFill>
              <a:ln>
                <a:solidFill>
                  <a:schemeClr val="tx1"/>
                </a:solidFill>
              </a:ln>
              <a:effectLst>
                <a:glow rad="63500">
                  <a:srgbClr val="FF0000">
                    <a:alpha val="40000"/>
                  </a:srgbClr>
                </a:glo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sp>
            <p:nvSpPr>
              <p:cNvPr id="34" name="Oval 33">
                <a:extLst>
                  <a:ext uri="{FF2B5EF4-FFF2-40B4-BE49-F238E27FC236}">
                    <a16:creationId xmlns:a16="http://schemas.microsoft.com/office/drawing/2014/main" id="{36312D70-245E-9525-355A-3779A863556A}"/>
                  </a:ext>
                </a:extLst>
              </p:cNvPr>
              <p:cNvSpPr/>
              <p:nvPr/>
            </p:nvSpPr>
            <p:spPr>
              <a:xfrm>
                <a:off x="11009138" y="1753412"/>
                <a:ext cx="182851" cy="172201"/>
              </a:xfrm>
              <a:prstGeom prst="ellipse">
                <a:avLst/>
              </a:prstGeom>
              <a:solidFill>
                <a:schemeClr val="bg1">
                  <a:lumMod val="65000"/>
                </a:schemeClr>
              </a:solidFill>
              <a:ln>
                <a:solidFill>
                  <a:schemeClr val="tx1"/>
                </a:solidFill>
              </a:ln>
              <a:effectLst>
                <a:glow rad="63500">
                  <a:schemeClr val="bg1">
                    <a:lumMod val="65000"/>
                    <a:alpha val="40000"/>
                  </a:schemeClr>
                </a:glo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grpSp>
            <p:nvGrpSpPr>
              <p:cNvPr id="35" name="Group 34">
                <a:extLst>
                  <a:ext uri="{FF2B5EF4-FFF2-40B4-BE49-F238E27FC236}">
                    <a16:creationId xmlns:a16="http://schemas.microsoft.com/office/drawing/2014/main" id="{9CD0E800-63C4-9F1D-992E-8929408C8A4B}"/>
                  </a:ext>
                </a:extLst>
              </p:cNvPr>
              <p:cNvGrpSpPr>
                <a:grpSpLocks noChangeAspect="1"/>
              </p:cNvGrpSpPr>
              <p:nvPr/>
            </p:nvGrpSpPr>
            <p:grpSpPr>
              <a:xfrm>
                <a:off x="11558865" y="1010492"/>
                <a:ext cx="293024" cy="300306"/>
                <a:chOff x="5824469" y="3336542"/>
                <a:chExt cx="484231" cy="496266"/>
              </a:xfrm>
            </p:grpSpPr>
            <p:sp>
              <p:nvSpPr>
                <p:cNvPr id="37" name="Oval 36">
                  <a:extLst>
                    <a:ext uri="{FF2B5EF4-FFF2-40B4-BE49-F238E27FC236}">
                      <a16:creationId xmlns:a16="http://schemas.microsoft.com/office/drawing/2014/main" id="{2E65AAF4-91C9-DC07-3A0E-4D213BA595F2}"/>
                    </a:ext>
                  </a:extLst>
                </p:cNvPr>
                <p:cNvSpPr/>
                <p:nvPr/>
              </p:nvSpPr>
              <p:spPr>
                <a:xfrm>
                  <a:off x="5824469" y="3513511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38" name="Oval 37">
                  <a:extLst>
                    <a:ext uri="{FF2B5EF4-FFF2-40B4-BE49-F238E27FC236}">
                      <a16:creationId xmlns:a16="http://schemas.microsoft.com/office/drawing/2014/main" id="{DC7CD85C-F900-2176-DDF4-4F8064CB8E3D}"/>
                    </a:ext>
                  </a:extLst>
                </p:cNvPr>
                <p:cNvSpPr/>
                <p:nvPr/>
              </p:nvSpPr>
              <p:spPr>
                <a:xfrm>
                  <a:off x="5843832" y="3336542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39" name="Oval 38">
                  <a:extLst>
                    <a:ext uri="{FF2B5EF4-FFF2-40B4-BE49-F238E27FC236}">
                      <a16:creationId xmlns:a16="http://schemas.microsoft.com/office/drawing/2014/main" id="{644187CB-90DB-D9A9-4CDD-4C2FBC6307BB}"/>
                    </a:ext>
                  </a:extLst>
                </p:cNvPr>
                <p:cNvSpPr/>
                <p:nvPr/>
              </p:nvSpPr>
              <p:spPr>
                <a:xfrm>
                  <a:off x="6006533" y="3386497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40" name="Oval 39">
                  <a:extLst>
                    <a:ext uri="{FF2B5EF4-FFF2-40B4-BE49-F238E27FC236}">
                      <a16:creationId xmlns:a16="http://schemas.microsoft.com/office/drawing/2014/main" id="{6718CDA9-290E-5D2D-3EEC-200877FA664C}"/>
                    </a:ext>
                  </a:extLst>
                </p:cNvPr>
                <p:cNvSpPr/>
                <p:nvPr/>
              </p:nvSpPr>
              <p:spPr>
                <a:xfrm>
                  <a:off x="5983297" y="3548240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</p:grpSp>
          <p:sp>
            <p:nvSpPr>
              <p:cNvPr id="36" name="TextBox 35">
                <a:extLst>
                  <a:ext uri="{FF2B5EF4-FFF2-40B4-BE49-F238E27FC236}">
                    <a16:creationId xmlns:a16="http://schemas.microsoft.com/office/drawing/2014/main" id="{36D4C8B7-D112-0C7A-59F1-DEEE15199909}"/>
                  </a:ext>
                </a:extLst>
              </p:cNvPr>
              <p:cNvSpPr txBox="1"/>
              <p:nvPr/>
            </p:nvSpPr>
            <p:spPr>
              <a:xfrm>
                <a:off x="10301057" y="490462"/>
                <a:ext cx="420870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>
                    <a:solidFill>
                      <a:srgbClr val="FF0000"/>
                    </a:solidFill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 *</a:t>
                </a:r>
                <a:endParaRPr lang="en-CA">
                  <a:solidFill>
                    <a:srgbClr val="FF0000"/>
                  </a:solidFill>
                </a:endParaRPr>
              </a:p>
            </p:txBody>
          </p:sp>
        </p:grpSp>
        <p:grpSp>
          <p:nvGrpSpPr>
            <p:cNvPr id="63" name="Group 62">
              <a:extLst>
                <a:ext uri="{FF2B5EF4-FFF2-40B4-BE49-F238E27FC236}">
                  <a16:creationId xmlns:a16="http://schemas.microsoft.com/office/drawing/2014/main" id="{77935A50-438F-6286-BD7E-18E1884292BB}"/>
                </a:ext>
              </a:extLst>
            </p:cNvPr>
            <p:cNvGrpSpPr/>
            <p:nvPr/>
          </p:nvGrpSpPr>
          <p:grpSpPr>
            <a:xfrm>
              <a:off x="9135574" y="2424907"/>
              <a:ext cx="2804888" cy="1617748"/>
              <a:chOff x="9135574" y="2424907"/>
              <a:chExt cx="2804888" cy="1617748"/>
            </a:xfrm>
          </p:grpSpPr>
          <p:grpSp>
            <p:nvGrpSpPr>
              <p:cNvPr id="64" name="Group 63">
                <a:extLst>
                  <a:ext uri="{FF2B5EF4-FFF2-40B4-BE49-F238E27FC236}">
                    <a16:creationId xmlns:a16="http://schemas.microsoft.com/office/drawing/2014/main" id="{F14769CC-F0C9-5BA8-D34B-065AEA1DFDCF}"/>
                  </a:ext>
                </a:extLst>
              </p:cNvPr>
              <p:cNvGrpSpPr>
                <a:grpSpLocks noChangeAspect="1"/>
              </p:cNvGrpSpPr>
              <p:nvPr/>
            </p:nvGrpSpPr>
            <p:grpSpPr>
              <a:xfrm>
                <a:off x="10067079" y="2718836"/>
                <a:ext cx="663151" cy="606574"/>
                <a:chOff x="5382428" y="3296922"/>
                <a:chExt cx="1095879" cy="1002383"/>
              </a:xfrm>
            </p:grpSpPr>
            <p:sp>
              <p:nvSpPr>
                <p:cNvPr id="95" name="Oval 94">
                  <a:extLst>
                    <a:ext uri="{FF2B5EF4-FFF2-40B4-BE49-F238E27FC236}">
                      <a16:creationId xmlns:a16="http://schemas.microsoft.com/office/drawing/2014/main" id="{36A0AE36-C5CE-0439-246F-4C47142123E9}"/>
                    </a:ext>
                  </a:extLst>
                </p:cNvPr>
                <p:cNvSpPr/>
                <p:nvPr/>
              </p:nvSpPr>
              <p:spPr>
                <a:xfrm>
                  <a:off x="5424058" y="3506054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96" name="Oval 95">
                  <a:extLst>
                    <a:ext uri="{FF2B5EF4-FFF2-40B4-BE49-F238E27FC236}">
                      <a16:creationId xmlns:a16="http://schemas.microsoft.com/office/drawing/2014/main" id="{50F64ED1-9984-0D6F-954C-D7FF9516E2C5}"/>
                    </a:ext>
                  </a:extLst>
                </p:cNvPr>
                <p:cNvSpPr/>
                <p:nvPr/>
              </p:nvSpPr>
              <p:spPr>
                <a:xfrm>
                  <a:off x="5575359" y="3774858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97" name="Oval 96">
                  <a:extLst>
                    <a:ext uri="{FF2B5EF4-FFF2-40B4-BE49-F238E27FC236}">
                      <a16:creationId xmlns:a16="http://schemas.microsoft.com/office/drawing/2014/main" id="{5CD813B5-FD3C-0590-1C19-73A7F0351A84}"/>
                    </a:ext>
                  </a:extLst>
                </p:cNvPr>
                <p:cNvSpPr/>
                <p:nvPr/>
              </p:nvSpPr>
              <p:spPr>
                <a:xfrm>
                  <a:off x="6176140" y="3576877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153" name="Oval 152">
                  <a:extLst>
                    <a:ext uri="{FF2B5EF4-FFF2-40B4-BE49-F238E27FC236}">
                      <a16:creationId xmlns:a16="http://schemas.microsoft.com/office/drawing/2014/main" id="{28598951-7C9B-DAF5-5D38-D82E8F29C2B0}"/>
                    </a:ext>
                  </a:extLst>
                </p:cNvPr>
                <p:cNvSpPr/>
                <p:nvPr/>
              </p:nvSpPr>
              <p:spPr>
                <a:xfrm>
                  <a:off x="5612660" y="3954290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196" name="Oval 195">
                  <a:extLst>
                    <a:ext uri="{FF2B5EF4-FFF2-40B4-BE49-F238E27FC236}">
                      <a16:creationId xmlns:a16="http://schemas.microsoft.com/office/drawing/2014/main" id="{7B83F5F6-C7E9-2EA9-9B93-03D2F720F921}"/>
                    </a:ext>
                  </a:extLst>
                </p:cNvPr>
                <p:cNvSpPr/>
                <p:nvPr/>
              </p:nvSpPr>
              <p:spPr>
                <a:xfrm>
                  <a:off x="5976028" y="3442835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197" name="Oval 196">
                  <a:extLst>
                    <a:ext uri="{FF2B5EF4-FFF2-40B4-BE49-F238E27FC236}">
                      <a16:creationId xmlns:a16="http://schemas.microsoft.com/office/drawing/2014/main" id="{7B48E55B-5442-7933-2E87-BC36D611AE73}"/>
                    </a:ext>
                  </a:extLst>
                </p:cNvPr>
                <p:cNvSpPr/>
                <p:nvPr/>
              </p:nvSpPr>
              <p:spPr>
                <a:xfrm>
                  <a:off x="5839959" y="3318553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198" name="Oval 197">
                  <a:extLst>
                    <a:ext uri="{FF2B5EF4-FFF2-40B4-BE49-F238E27FC236}">
                      <a16:creationId xmlns:a16="http://schemas.microsoft.com/office/drawing/2014/main" id="{DF285DD8-DDAF-0041-662D-2B1648F42D11}"/>
                    </a:ext>
                  </a:extLst>
                </p:cNvPr>
                <p:cNvSpPr/>
                <p:nvPr/>
              </p:nvSpPr>
              <p:spPr>
                <a:xfrm>
                  <a:off x="5574158" y="3310055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199" name="Oval 198">
                  <a:extLst>
                    <a:ext uri="{FF2B5EF4-FFF2-40B4-BE49-F238E27FC236}">
                      <a16:creationId xmlns:a16="http://schemas.microsoft.com/office/drawing/2014/main" id="{79289A49-08A6-B427-56B1-5030C26D80F4}"/>
                    </a:ext>
                  </a:extLst>
                </p:cNvPr>
                <p:cNvSpPr/>
                <p:nvPr/>
              </p:nvSpPr>
              <p:spPr>
                <a:xfrm>
                  <a:off x="5854798" y="4014737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00" name="Oval 199">
                  <a:extLst>
                    <a:ext uri="{FF2B5EF4-FFF2-40B4-BE49-F238E27FC236}">
                      <a16:creationId xmlns:a16="http://schemas.microsoft.com/office/drawing/2014/main" id="{8F46F77A-D31D-E033-8B31-D514B9682906}"/>
                    </a:ext>
                  </a:extLst>
                </p:cNvPr>
                <p:cNvSpPr/>
                <p:nvPr/>
              </p:nvSpPr>
              <p:spPr>
                <a:xfrm>
                  <a:off x="6048597" y="3327192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01" name="Oval 200">
                  <a:extLst>
                    <a:ext uri="{FF2B5EF4-FFF2-40B4-BE49-F238E27FC236}">
                      <a16:creationId xmlns:a16="http://schemas.microsoft.com/office/drawing/2014/main" id="{56B962F2-4758-25D2-B90B-447DAC14F140}"/>
                    </a:ext>
                  </a:extLst>
                </p:cNvPr>
                <p:cNvSpPr/>
                <p:nvPr/>
              </p:nvSpPr>
              <p:spPr>
                <a:xfrm>
                  <a:off x="6159562" y="3839786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02" name="Oval 201">
                  <a:extLst>
                    <a:ext uri="{FF2B5EF4-FFF2-40B4-BE49-F238E27FC236}">
                      <a16:creationId xmlns:a16="http://schemas.microsoft.com/office/drawing/2014/main" id="{79A7B194-63DD-9A2A-B926-3865F6820CE2}"/>
                    </a:ext>
                  </a:extLst>
                </p:cNvPr>
                <p:cNvSpPr/>
                <p:nvPr/>
              </p:nvSpPr>
              <p:spPr>
                <a:xfrm>
                  <a:off x="5400707" y="3649469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03" name="Oval 202">
                  <a:extLst>
                    <a:ext uri="{FF2B5EF4-FFF2-40B4-BE49-F238E27FC236}">
                      <a16:creationId xmlns:a16="http://schemas.microsoft.com/office/drawing/2014/main" id="{EEDD781A-9907-1F7A-D16B-DBE0E0480306}"/>
                    </a:ext>
                  </a:extLst>
                </p:cNvPr>
                <p:cNvSpPr/>
                <p:nvPr/>
              </p:nvSpPr>
              <p:spPr>
                <a:xfrm>
                  <a:off x="5897332" y="3766461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04" name="Oval 203">
                  <a:extLst>
                    <a:ext uri="{FF2B5EF4-FFF2-40B4-BE49-F238E27FC236}">
                      <a16:creationId xmlns:a16="http://schemas.microsoft.com/office/drawing/2014/main" id="{BAF8AA6A-4A50-CACC-B92D-B32E274EFB9B}"/>
                    </a:ext>
                  </a:extLst>
                </p:cNvPr>
                <p:cNvSpPr/>
                <p:nvPr/>
              </p:nvSpPr>
              <p:spPr>
                <a:xfrm>
                  <a:off x="5968089" y="3662019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05" name="Oval 204">
                  <a:extLst>
                    <a:ext uri="{FF2B5EF4-FFF2-40B4-BE49-F238E27FC236}">
                      <a16:creationId xmlns:a16="http://schemas.microsoft.com/office/drawing/2014/main" id="{64AFF9B5-7F45-4308-68C1-9E04F69C1858}"/>
                    </a:ext>
                  </a:extLst>
                </p:cNvPr>
                <p:cNvSpPr/>
                <p:nvPr/>
              </p:nvSpPr>
              <p:spPr>
                <a:xfrm>
                  <a:off x="5577909" y="3507287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06" name="Oval 205">
                  <a:extLst>
                    <a:ext uri="{FF2B5EF4-FFF2-40B4-BE49-F238E27FC236}">
                      <a16:creationId xmlns:a16="http://schemas.microsoft.com/office/drawing/2014/main" id="{62F71CFB-0A27-69A7-9519-EBABCE75298E}"/>
                    </a:ext>
                  </a:extLst>
                </p:cNvPr>
                <p:cNvSpPr/>
                <p:nvPr/>
              </p:nvSpPr>
              <p:spPr>
                <a:xfrm>
                  <a:off x="5680950" y="3655066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07" name="Oval 206">
                  <a:extLst>
                    <a:ext uri="{FF2B5EF4-FFF2-40B4-BE49-F238E27FC236}">
                      <a16:creationId xmlns:a16="http://schemas.microsoft.com/office/drawing/2014/main" id="{0FE6B715-E174-5E6F-7257-2C1302E7804C}"/>
                    </a:ext>
                  </a:extLst>
                </p:cNvPr>
                <p:cNvSpPr/>
                <p:nvPr/>
              </p:nvSpPr>
              <p:spPr>
                <a:xfrm>
                  <a:off x="5984081" y="3911245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08" name="Oval 207">
                  <a:extLst>
                    <a:ext uri="{FF2B5EF4-FFF2-40B4-BE49-F238E27FC236}">
                      <a16:creationId xmlns:a16="http://schemas.microsoft.com/office/drawing/2014/main" id="{2D95010E-D9AB-2C7B-C062-C41BF7F78558}"/>
                    </a:ext>
                  </a:extLst>
                </p:cNvPr>
                <p:cNvSpPr/>
                <p:nvPr/>
              </p:nvSpPr>
              <p:spPr>
                <a:xfrm>
                  <a:off x="5824469" y="3513511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10" name="Oval 209">
                  <a:extLst>
                    <a:ext uri="{FF2B5EF4-FFF2-40B4-BE49-F238E27FC236}">
                      <a16:creationId xmlns:a16="http://schemas.microsoft.com/office/drawing/2014/main" id="{B2E664B7-69EB-DB68-8FE9-D2216B573D7F}"/>
                    </a:ext>
                  </a:extLst>
                </p:cNvPr>
                <p:cNvSpPr/>
                <p:nvPr/>
              </p:nvSpPr>
              <p:spPr>
                <a:xfrm>
                  <a:off x="5812708" y="3296922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14" name="Oval 213">
                  <a:extLst>
                    <a:ext uri="{FF2B5EF4-FFF2-40B4-BE49-F238E27FC236}">
                      <a16:creationId xmlns:a16="http://schemas.microsoft.com/office/drawing/2014/main" id="{71A902BB-86FA-85EC-FA97-4B1D66F988B6}"/>
                    </a:ext>
                  </a:extLst>
                </p:cNvPr>
                <p:cNvSpPr/>
                <p:nvPr/>
              </p:nvSpPr>
              <p:spPr>
                <a:xfrm>
                  <a:off x="5382428" y="3774858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15" name="Oval 214">
                  <a:extLst>
                    <a:ext uri="{FF2B5EF4-FFF2-40B4-BE49-F238E27FC236}">
                      <a16:creationId xmlns:a16="http://schemas.microsoft.com/office/drawing/2014/main" id="{CDC2CFED-936F-67BD-A072-65505F804459}"/>
                    </a:ext>
                  </a:extLst>
                </p:cNvPr>
                <p:cNvSpPr/>
                <p:nvPr/>
              </p:nvSpPr>
              <p:spPr>
                <a:xfrm>
                  <a:off x="5516078" y="3924807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16" name="Oval 215">
                  <a:extLst>
                    <a:ext uri="{FF2B5EF4-FFF2-40B4-BE49-F238E27FC236}">
                      <a16:creationId xmlns:a16="http://schemas.microsoft.com/office/drawing/2014/main" id="{1FCDC23A-C641-A628-276D-EB8C479B386A}"/>
                    </a:ext>
                  </a:extLst>
                </p:cNvPr>
                <p:cNvSpPr/>
                <p:nvPr/>
              </p:nvSpPr>
              <p:spPr>
                <a:xfrm>
                  <a:off x="5697401" y="3824357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19" name="Oval 218">
                  <a:extLst>
                    <a:ext uri="{FF2B5EF4-FFF2-40B4-BE49-F238E27FC236}">
                      <a16:creationId xmlns:a16="http://schemas.microsoft.com/office/drawing/2014/main" id="{7F12AE36-5FD8-1A46-9AB3-3771722B1ABE}"/>
                    </a:ext>
                  </a:extLst>
                </p:cNvPr>
                <p:cNvSpPr/>
                <p:nvPr/>
              </p:nvSpPr>
              <p:spPr>
                <a:xfrm>
                  <a:off x="6048597" y="3595426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</p:grpSp>
          <p:cxnSp>
            <p:nvCxnSpPr>
              <p:cNvPr id="65" name="Straight Arrow Connector 64">
                <a:extLst>
                  <a:ext uri="{FF2B5EF4-FFF2-40B4-BE49-F238E27FC236}">
                    <a16:creationId xmlns:a16="http://schemas.microsoft.com/office/drawing/2014/main" id="{4744DBE0-9F53-FDDA-1045-72CDE7ACF2DC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841441" y="3021660"/>
                <a:ext cx="475921" cy="545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66" name="TextBox 65">
                <a:extLst>
                  <a:ext uri="{FF2B5EF4-FFF2-40B4-BE49-F238E27FC236}">
                    <a16:creationId xmlns:a16="http://schemas.microsoft.com/office/drawing/2014/main" id="{A268EC2B-9467-FCD7-2464-8866ED41FA9A}"/>
                  </a:ext>
                </a:extLst>
              </p:cNvPr>
              <p:cNvSpPr txBox="1"/>
              <p:nvPr/>
            </p:nvSpPr>
            <p:spPr>
              <a:xfrm>
                <a:off x="10403814" y="3457880"/>
                <a:ext cx="1278629" cy="584775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latin typeface="+mj-lt"/>
                    <a:cs typeface="Times New Roman" panose="02020603050405020304" pitchFamily="18" charset="0"/>
                  </a:rPr>
                  <a:t>Fission</a:t>
                </a:r>
              </a:p>
              <a:p>
                <a:pPr algn="ctr"/>
                <a:r>
                  <a:rPr lang="en-US" sz="1600">
                    <a:latin typeface="+mj-lt"/>
                    <a:cs typeface="Times New Roman" panose="02020603050405020304" pitchFamily="18" charset="0"/>
                  </a:rPr>
                  <a:t>t&gt;10</a:t>
                </a:r>
                <a:r>
                  <a:rPr lang="en-US" sz="1600" baseline="30000">
                    <a:latin typeface="+mj-lt"/>
                    <a:cs typeface="Times New Roman" panose="02020603050405020304" pitchFamily="18" charset="0"/>
                  </a:rPr>
                  <a:t>-20</a:t>
                </a:r>
                <a:endParaRPr lang="en-CA" sz="1600" baseline="30000">
                  <a:latin typeface="+mj-lt"/>
                </a:endParaRPr>
              </a:p>
            </p:txBody>
          </p:sp>
          <p:cxnSp>
            <p:nvCxnSpPr>
              <p:cNvPr id="67" name="Straight Arrow Connector 66">
                <a:extLst>
                  <a:ext uri="{FF2B5EF4-FFF2-40B4-BE49-F238E27FC236}">
                    <a16:creationId xmlns:a16="http://schemas.microsoft.com/office/drawing/2014/main" id="{24253216-28FB-94FA-7F16-5E5FDC244066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10120957" y="3402687"/>
                <a:ext cx="153770" cy="389937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68" name="Group 67">
                <a:extLst>
                  <a:ext uri="{FF2B5EF4-FFF2-40B4-BE49-F238E27FC236}">
                    <a16:creationId xmlns:a16="http://schemas.microsoft.com/office/drawing/2014/main" id="{144695E6-5353-4415-A0AF-CE02B16D569E}"/>
                  </a:ext>
                </a:extLst>
              </p:cNvPr>
              <p:cNvGrpSpPr>
                <a:grpSpLocks noChangeAspect="1"/>
              </p:cNvGrpSpPr>
              <p:nvPr/>
            </p:nvGrpSpPr>
            <p:grpSpPr>
              <a:xfrm>
                <a:off x="9135574" y="2837788"/>
                <a:ext cx="468188" cy="390636"/>
                <a:chOff x="5693217" y="3187269"/>
                <a:chExt cx="773695" cy="645539"/>
              </a:xfrm>
            </p:grpSpPr>
            <p:sp>
              <p:nvSpPr>
                <p:cNvPr id="88" name="Oval 87">
                  <a:extLst>
                    <a:ext uri="{FF2B5EF4-FFF2-40B4-BE49-F238E27FC236}">
                      <a16:creationId xmlns:a16="http://schemas.microsoft.com/office/drawing/2014/main" id="{593A4757-2998-FF7C-543B-867C01DD5EC6}"/>
                    </a:ext>
                  </a:extLst>
                </p:cNvPr>
                <p:cNvSpPr/>
                <p:nvPr/>
              </p:nvSpPr>
              <p:spPr>
                <a:xfrm>
                  <a:off x="5693217" y="3272452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89" name="Oval 88">
                  <a:extLst>
                    <a:ext uri="{FF2B5EF4-FFF2-40B4-BE49-F238E27FC236}">
                      <a16:creationId xmlns:a16="http://schemas.microsoft.com/office/drawing/2014/main" id="{8A813527-B358-2A67-C1D1-C667533D2DEC}"/>
                    </a:ext>
                  </a:extLst>
                </p:cNvPr>
                <p:cNvSpPr/>
                <p:nvPr/>
              </p:nvSpPr>
              <p:spPr>
                <a:xfrm>
                  <a:off x="5824469" y="3513511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90" name="Oval 89">
                  <a:extLst>
                    <a:ext uri="{FF2B5EF4-FFF2-40B4-BE49-F238E27FC236}">
                      <a16:creationId xmlns:a16="http://schemas.microsoft.com/office/drawing/2014/main" id="{5A56E746-16C6-D2AA-D2F6-E1F50EE1D89B}"/>
                    </a:ext>
                  </a:extLst>
                </p:cNvPr>
                <p:cNvSpPr/>
                <p:nvPr/>
              </p:nvSpPr>
              <p:spPr>
                <a:xfrm>
                  <a:off x="5843832" y="3336542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91" name="Oval 90">
                  <a:extLst>
                    <a:ext uri="{FF2B5EF4-FFF2-40B4-BE49-F238E27FC236}">
                      <a16:creationId xmlns:a16="http://schemas.microsoft.com/office/drawing/2014/main" id="{291CBA09-77BE-49DC-7888-DB65941F7505}"/>
                    </a:ext>
                  </a:extLst>
                </p:cNvPr>
                <p:cNvSpPr/>
                <p:nvPr/>
              </p:nvSpPr>
              <p:spPr>
                <a:xfrm>
                  <a:off x="6006533" y="3386497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92" name="Oval 91">
                  <a:extLst>
                    <a:ext uri="{FF2B5EF4-FFF2-40B4-BE49-F238E27FC236}">
                      <a16:creationId xmlns:a16="http://schemas.microsoft.com/office/drawing/2014/main" id="{F633AC2C-A6BC-38F5-F677-B27669CF27BC}"/>
                    </a:ext>
                  </a:extLst>
                </p:cNvPr>
                <p:cNvSpPr/>
                <p:nvPr/>
              </p:nvSpPr>
              <p:spPr>
                <a:xfrm>
                  <a:off x="5983297" y="3548240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93" name="Oval 92">
                  <a:extLst>
                    <a:ext uri="{FF2B5EF4-FFF2-40B4-BE49-F238E27FC236}">
                      <a16:creationId xmlns:a16="http://schemas.microsoft.com/office/drawing/2014/main" id="{77CD5344-940C-6992-0F74-424BC0DBAC27}"/>
                    </a:ext>
                  </a:extLst>
                </p:cNvPr>
                <p:cNvSpPr/>
                <p:nvPr/>
              </p:nvSpPr>
              <p:spPr>
                <a:xfrm>
                  <a:off x="5925182" y="3187269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94" name="Oval 93">
                  <a:extLst>
                    <a:ext uri="{FF2B5EF4-FFF2-40B4-BE49-F238E27FC236}">
                      <a16:creationId xmlns:a16="http://schemas.microsoft.com/office/drawing/2014/main" id="{8A14B21D-FF2E-686B-0C59-334C9A83A103}"/>
                    </a:ext>
                  </a:extLst>
                </p:cNvPr>
                <p:cNvSpPr/>
                <p:nvPr/>
              </p:nvSpPr>
              <p:spPr>
                <a:xfrm>
                  <a:off x="6164745" y="3315829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</p:grpSp>
          <p:cxnSp>
            <p:nvCxnSpPr>
              <p:cNvPr id="69" name="Straight Arrow Connector 68">
                <a:extLst>
                  <a:ext uri="{FF2B5EF4-FFF2-40B4-BE49-F238E27FC236}">
                    <a16:creationId xmlns:a16="http://schemas.microsoft.com/office/drawing/2014/main" id="{4412CEDB-3564-5BC9-BCA6-C24D486D1FD1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9680942" y="3015236"/>
                <a:ext cx="290398" cy="6424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70" name="TextBox 69">
                <a:extLst>
                  <a:ext uri="{FF2B5EF4-FFF2-40B4-BE49-F238E27FC236}">
                    <a16:creationId xmlns:a16="http://schemas.microsoft.com/office/drawing/2014/main" id="{7A6B7AB3-0B34-1175-4A1C-730C67E9BB85}"/>
                  </a:ext>
                </a:extLst>
              </p:cNvPr>
              <p:cNvSpPr txBox="1"/>
              <p:nvPr/>
            </p:nvSpPr>
            <p:spPr>
              <a:xfrm>
                <a:off x="10246347" y="2453921"/>
                <a:ext cx="420870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>
                    <a:solidFill>
                      <a:srgbClr val="FF0000"/>
                    </a:solidFill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 *</a:t>
                </a:r>
                <a:endParaRPr lang="en-CA">
                  <a:solidFill>
                    <a:srgbClr val="FF0000"/>
                  </a:solidFill>
                </a:endParaRPr>
              </a:p>
            </p:txBody>
          </p:sp>
          <p:sp>
            <p:nvSpPr>
              <p:cNvPr id="71" name="Oval 70">
                <a:extLst>
                  <a:ext uri="{FF2B5EF4-FFF2-40B4-BE49-F238E27FC236}">
                    <a16:creationId xmlns:a16="http://schemas.microsoft.com/office/drawing/2014/main" id="{4E8D404E-B9EE-5546-8DCF-6E7871366A61}"/>
                  </a:ext>
                </a:extLst>
              </p:cNvPr>
              <p:cNvSpPr/>
              <p:nvPr/>
            </p:nvSpPr>
            <p:spPr>
              <a:xfrm>
                <a:off x="9964130" y="3829711"/>
                <a:ext cx="182851" cy="172201"/>
              </a:xfrm>
              <a:prstGeom prst="ellipse">
                <a:avLst/>
              </a:prstGeom>
              <a:solidFill>
                <a:schemeClr val="bg1">
                  <a:lumMod val="65000"/>
                </a:schemeClr>
              </a:solidFill>
              <a:ln>
                <a:solidFill>
                  <a:schemeClr val="tx1"/>
                </a:solidFill>
              </a:ln>
              <a:effectLst>
                <a:glow rad="63500">
                  <a:schemeClr val="bg1">
                    <a:lumMod val="65000"/>
                    <a:alpha val="40000"/>
                  </a:schemeClr>
                </a:glo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cxnSp>
            <p:nvCxnSpPr>
              <p:cNvPr id="72" name="Straight Arrow Connector 71">
                <a:extLst>
                  <a:ext uri="{FF2B5EF4-FFF2-40B4-BE49-F238E27FC236}">
                    <a16:creationId xmlns:a16="http://schemas.microsoft.com/office/drawing/2014/main" id="{33B5A7AA-7E2C-DEF2-2A07-2E7D5EDB85CC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759843" y="2593759"/>
                <a:ext cx="262121" cy="219124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73" name="Oval 72">
                <a:extLst>
                  <a:ext uri="{FF2B5EF4-FFF2-40B4-BE49-F238E27FC236}">
                    <a16:creationId xmlns:a16="http://schemas.microsoft.com/office/drawing/2014/main" id="{582A9EBA-24B2-17E9-A521-4F63B998D8C0}"/>
                  </a:ext>
                </a:extLst>
              </p:cNvPr>
              <p:cNvSpPr/>
              <p:nvPr/>
            </p:nvSpPr>
            <p:spPr>
              <a:xfrm>
                <a:off x="11042940" y="2424907"/>
                <a:ext cx="182851" cy="172201"/>
              </a:xfrm>
              <a:prstGeom prst="ellipse">
                <a:avLst/>
              </a:prstGeom>
              <a:solidFill>
                <a:schemeClr val="bg1">
                  <a:lumMod val="65000"/>
                </a:schemeClr>
              </a:solidFill>
              <a:ln>
                <a:solidFill>
                  <a:schemeClr val="tx1"/>
                </a:solidFill>
              </a:ln>
              <a:effectLst>
                <a:glow rad="63500">
                  <a:schemeClr val="bg1">
                    <a:lumMod val="65000"/>
                    <a:alpha val="40000"/>
                  </a:schemeClr>
                </a:glo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grpSp>
            <p:nvGrpSpPr>
              <p:cNvPr id="74" name="Group 73">
                <a:extLst>
                  <a:ext uri="{FF2B5EF4-FFF2-40B4-BE49-F238E27FC236}">
                    <a16:creationId xmlns:a16="http://schemas.microsoft.com/office/drawing/2014/main" id="{490C09A5-9545-7E58-E27F-BA8078EB3AE3}"/>
                  </a:ext>
                </a:extLst>
              </p:cNvPr>
              <p:cNvGrpSpPr>
                <a:grpSpLocks noChangeAspect="1"/>
              </p:cNvGrpSpPr>
              <p:nvPr/>
            </p:nvGrpSpPr>
            <p:grpSpPr>
              <a:xfrm>
                <a:off x="11405463" y="2638563"/>
                <a:ext cx="534999" cy="518741"/>
                <a:chOff x="5693217" y="2975571"/>
                <a:chExt cx="884102" cy="857237"/>
              </a:xfrm>
            </p:grpSpPr>
            <p:sp>
              <p:nvSpPr>
                <p:cNvPr id="75" name="Oval 74">
                  <a:extLst>
                    <a:ext uri="{FF2B5EF4-FFF2-40B4-BE49-F238E27FC236}">
                      <a16:creationId xmlns:a16="http://schemas.microsoft.com/office/drawing/2014/main" id="{746499AC-0EB1-3399-2696-20CDD761F035}"/>
                    </a:ext>
                  </a:extLst>
                </p:cNvPr>
                <p:cNvSpPr/>
                <p:nvPr/>
              </p:nvSpPr>
              <p:spPr>
                <a:xfrm>
                  <a:off x="5814774" y="3025525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76" name="Oval 75">
                  <a:extLst>
                    <a:ext uri="{FF2B5EF4-FFF2-40B4-BE49-F238E27FC236}">
                      <a16:creationId xmlns:a16="http://schemas.microsoft.com/office/drawing/2014/main" id="{1EDCF38C-0B1B-0257-E975-D25D300A1D55}"/>
                    </a:ext>
                  </a:extLst>
                </p:cNvPr>
                <p:cNvSpPr/>
                <p:nvPr/>
              </p:nvSpPr>
              <p:spPr>
                <a:xfrm>
                  <a:off x="6145999" y="2975571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77" name="Oval 76">
                  <a:extLst>
                    <a:ext uri="{FF2B5EF4-FFF2-40B4-BE49-F238E27FC236}">
                      <a16:creationId xmlns:a16="http://schemas.microsoft.com/office/drawing/2014/main" id="{83928502-0869-31DE-C8A0-85876F54E9C3}"/>
                    </a:ext>
                  </a:extLst>
                </p:cNvPr>
                <p:cNvSpPr/>
                <p:nvPr/>
              </p:nvSpPr>
              <p:spPr>
                <a:xfrm>
                  <a:off x="6044963" y="3078709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80" name="Oval 79">
                  <a:extLst>
                    <a:ext uri="{FF2B5EF4-FFF2-40B4-BE49-F238E27FC236}">
                      <a16:creationId xmlns:a16="http://schemas.microsoft.com/office/drawing/2014/main" id="{0469CBD3-8AEA-FE34-B86C-8B39836742C9}"/>
                    </a:ext>
                  </a:extLst>
                </p:cNvPr>
                <p:cNvSpPr/>
                <p:nvPr/>
              </p:nvSpPr>
              <p:spPr>
                <a:xfrm>
                  <a:off x="5693217" y="3272452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81" name="Oval 80">
                  <a:extLst>
                    <a:ext uri="{FF2B5EF4-FFF2-40B4-BE49-F238E27FC236}">
                      <a16:creationId xmlns:a16="http://schemas.microsoft.com/office/drawing/2014/main" id="{2FDFBB7E-6CE2-60FC-9CD5-800B78CA7246}"/>
                    </a:ext>
                  </a:extLst>
                </p:cNvPr>
                <p:cNvSpPr/>
                <p:nvPr/>
              </p:nvSpPr>
              <p:spPr>
                <a:xfrm>
                  <a:off x="5824469" y="3513511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82" name="Oval 81">
                  <a:extLst>
                    <a:ext uri="{FF2B5EF4-FFF2-40B4-BE49-F238E27FC236}">
                      <a16:creationId xmlns:a16="http://schemas.microsoft.com/office/drawing/2014/main" id="{0523F334-58E0-D3BD-5811-1F5D3C875059}"/>
                    </a:ext>
                  </a:extLst>
                </p:cNvPr>
                <p:cNvSpPr/>
                <p:nvPr/>
              </p:nvSpPr>
              <p:spPr>
                <a:xfrm>
                  <a:off x="5843832" y="3336542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83" name="Oval 82">
                  <a:extLst>
                    <a:ext uri="{FF2B5EF4-FFF2-40B4-BE49-F238E27FC236}">
                      <a16:creationId xmlns:a16="http://schemas.microsoft.com/office/drawing/2014/main" id="{D4334908-CEFD-2A03-BE96-1D297E2FF648}"/>
                    </a:ext>
                  </a:extLst>
                </p:cNvPr>
                <p:cNvSpPr/>
                <p:nvPr/>
              </p:nvSpPr>
              <p:spPr>
                <a:xfrm>
                  <a:off x="6275152" y="3245896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84" name="Oval 83">
                  <a:extLst>
                    <a:ext uri="{FF2B5EF4-FFF2-40B4-BE49-F238E27FC236}">
                      <a16:creationId xmlns:a16="http://schemas.microsoft.com/office/drawing/2014/main" id="{0ADEE8CB-AC5C-4E65-F3F7-AAFA0C864514}"/>
                    </a:ext>
                  </a:extLst>
                </p:cNvPr>
                <p:cNvSpPr/>
                <p:nvPr/>
              </p:nvSpPr>
              <p:spPr>
                <a:xfrm>
                  <a:off x="5983297" y="3548240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85" name="Oval 84">
                  <a:extLst>
                    <a:ext uri="{FF2B5EF4-FFF2-40B4-BE49-F238E27FC236}">
                      <a16:creationId xmlns:a16="http://schemas.microsoft.com/office/drawing/2014/main" id="{56CB1A02-3292-191E-31B4-A9CFC2046165}"/>
                    </a:ext>
                  </a:extLst>
                </p:cNvPr>
                <p:cNvSpPr/>
                <p:nvPr/>
              </p:nvSpPr>
              <p:spPr>
                <a:xfrm>
                  <a:off x="5925182" y="3187269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86" name="Oval 85">
                  <a:extLst>
                    <a:ext uri="{FF2B5EF4-FFF2-40B4-BE49-F238E27FC236}">
                      <a16:creationId xmlns:a16="http://schemas.microsoft.com/office/drawing/2014/main" id="{9137DDC7-C4CD-21BA-0A18-B595159B345D}"/>
                    </a:ext>
                  </a:extLst>
                </p:cNvPr>
                <p:cNvSpPr/>
                <p:nvPr/>
              </p:nvSpPr>
              <p:spPr>
                <a:xfrm>
                  <a:off x="6180439" y="3466368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87" name="Oval 86">
                  <a:extLst>
                    <a:ext uri="{FF2B5EF4-FFF2-40B4-BE49-F238E27FC236}">
                      <a16:creationId xmlns:a16="http://schemas.microsoft.com/office/drawing/2014/main" id="{B97A4E05-0E76-9FD9-A188-948FB4CFB7DD}"/>
                    </a:ext>
                  </a:extLst>
                </p:cNvPr>
                <p:cNvSpPr/>
                <p:nvPr/>
              </p:nvSpPr>
              <p:spPr>
                <a:xfrm>
                  <a:off x="6061283" y="3276413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</p:grpSp>
        </p:grpSp>
        <p:grpSp>
          <p:nvGrpSpPr>
            <p:cNvPr id="220" name="Group 219">
              <a:extLst>
                <a:ext uri="{FF2B5EF4-FFF2-40B4-BE49-F238E27FC236}">
                  <a16:creationId xmlns:a16="http://schemas.microsoft.com/office/drawing/2014/main" id="{A3DC5896-6497-7A07-D0E1-835CF72B916A}"/>
                </a:ext>
              </a:extLst>
            </p:cNvPr>
            <p:cNvGrpSpPr/>
            <p:nvPr/>
          </p:nvGrpSpPr>
          <p:grpSpPr>
            <a:xfrm>
              <a:off x="4330785" y="1022516"/>
              <a:ext cx="4436268" cy="1865565"/>
              <a:chOff x="4800469" y="1124901"/>
              <a:chExt cx="4436268" cy="1865565"/>
            </a:xfrm>
          </p:grpSpPr>
          <p:grpSp>
            <p:nvGrpSpPr>
              <p:cNvPr id="221" name="Group 220">
                <a:extLst>
                  <a:ext uri="{FF2B5EF4-FFF2-40B4-BE49-F238E27FC236}">
                    <a16:creationId xmlns:a16="http://schemas.microsoft.com/office/drawing/2014/main" id="{7E3B5A34-DD2B-6106-0E7C-0184849B51C2}"/>
                  </a:ext>
                </a:extLst>
              </p:cNvPr>
              <p:cNvGrpSpPr>
                <a:grpSpLocks noChangeAspect="1"/>
              </p:cNvGrpSpPr>
              <p:nvPr/>
            </p:nvGrpSpPr>
            <p:grpSpPr>
              <a:xfrm>
                <a:off x="6768005" y="1815940"/>
                <a:ext cx="663151" cy="606574"/>
                <a:chOff x="5382428" y="3296922"/>
                <a:chExt cx="1095879" cy="1002383"/>
              </a:xfrm>
            </p:grpSpPr>
            <p:sp>
              <p:nvSpPr>
                <p:cNvPr id="238" name="Oval 237">
                  <a:extLst>
                    <a:ext uri="{FF2B5EF4-FFF2-40B4-BE49-F238E27FC236}">
                      <a16:creationId xmlns:a16="http://schemas.microsoft.com/office/drawing/2014/main" id="{80DC43F2-31B9-16A8-01AC-7DE5FA1D0B0D}"/>
                    </a:ext>
                  </a:extLst>
                </p:cNvPr>
                <p:cNvSpPr/>
                <p:nvPr/>
              </p:nvSpPr>
              <p:spPr>
                <a:xfrm>
                  <a:off x="5424058" y="3506054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39" name="Oval 238">
                  <a:extLst>
                    <a:ext uri="{FF2B5EF4-FFF2-40B4-BE49-F238E27FC236}">
                      <a16:creationId xmlns:a16="http://schemas.microsoft.com/office/drawing/2014/main" id="{0D3A7A0C-72A8-6A22-D9DF-B1650229D760}"/>
                    </a:ext>
                  </a:extLst>
                </p:cNvPr>
                <p:cNvSpPr/>
                <p:nvPr/>
              </p:nvSpPr>
              <p:spPr>
                <a:xfrm>
                  <a:off x="5575359" y="3774858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40" name="Oval 239">
                  <a:extLst>
                    <a:ext uri="{FF2B5EF4-FFF2-40B4-BE49-F238E27FC236}">
                      <a16:creationId xmlns:a16="http://schemas.microsoft.com/office/drawing/2014/main" id="{932DA4F8-DCED-21BF-B051-1ECCAD98E3BB}"/>
                    </a:ext>
                  </a:extLst>
                </p:cNvPr>
                <p:cNvSpPr/>
                <p:nvPr/>
              </p:nvSpPr>
              <p:spPr>
                <a:xfrm>
                  <a:off x="6176140" y="3576877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41" name="Oval 240">
                  <a:extLst>
                    <a:ext uri="{FF2B5EF4-FFF2-40B4-BE49-F238E27FC236}">
                      <a16:creationId xmlns:a16="http://schemas.microsoft.com/office/drawing/2014/main" id="{9E4F8007-3701-0412-715C-F34B9EF46FB8}"/>
                    </a:ext>
                  </a:extLst>
                </p:cNvPr>
                <p:cNvSpPr/>
                <p:nvPr/>
              </p:nvSpPr>
              <p:spPr>
                <a:xfrm>
                  <a:off x="5612660" y="3954290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42" name="Oval 241">
                  <a:extLst>
                    <a:ext uri="{FF2B5EF4-FFF2-40B4-BE49-F238E27FC236}">
                      <a16:creationId xmlns:a16="http://schemas.microsoft.com/office/drawing/2014/main" id="{7332C7D3-F289-D202-83CC-12D61D3FEDF5}"/>
                    </a:ext>
                  </a:extLst>
                </p:cNvPr>
                <p:cNvSpPr/>
                <p:nvPr/>
              </p:nvSpPr>
              <p:spPr>
                <a:xfrm>
                  <a:off x="5976028" y="3442835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43" name="Oval 242">
                  <a:extLst>
                    <a:ext uri="{FF2B5EF4-FFF2-40B4-BE49-F238E27FC236}">
                      <a16:creationId xmlns:a16="http://schemas.microsoft.com/office/drawing/2014/main" id="{20459164-F7AA-E186-138E-CDF8BA68A64A}"/>
                    </a:ext>
                  </a:extLst>
                </p:cNvPr>
                <p:cNvSpPr/>
                <p:nvPr/>
              </p:nvSpPr>
              <p:spPr>
                <a:xfrm>
                  <a:off x="5839959" y="3318553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44" name="Oval 243">
                  <a:extLst>
                    <a:ext uri="{FF2B5EF4-FFF2-40B4-BE49-F238E27FC236}">
                      <a16:creationId xmlns:a16="http://schemas.microsoft.com/office/drawing/2014/main" id="{2D888AAD-E438-2101-7660-12A9AC9BCF30}"/>
                    </a:ext>
                  </a:extLst>
                </p:cNvPr>
                <p:cNvSpPr/>
                <p:nvPr/>
              </p:nvSpPr>
              <p:spPr>
                <a:xfrm>
                  <a:off x="5574158" y="3310055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45" name="Oval 244">
                  <a:extLst>
                    <a:ext uri="{FF2B5EF4-FFF2-40B4-BE49-F238E27FC236}">
                      <a16:creationId xmlns:a16="http://schemas.microsoft.com/office/drawing/2014/main" id="{6A2CF063-445C-9E2C-D284-5F1B7DAF8547}"/>
                    </a:ext>
                  </a:extLst>
                </p:cNvPr>
                <p:cNvSpPr/>
                <p:nvPr/>
              </p:nvSpPr>
              <p:spPr>
                <a:xfrm>
                  <a:off x="5854798" y="4014737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46" name="Oval 245">
                  <a:extLst>
                    <a:ext uri="{FF2B5EF4-FFF2-40B4-BE49-F238E27FC236}">
                      <a16:creationId xmlns:a16="http://schemas.microsoft.com/office/drawing/2014/main" id="{6B9B284B-B22B-A7E5-73C9-747DD1D0E536}"/>
                    </a:ext>
                  </a:extLst>
                </p:cNvPr>
                <p:cNvSpPr/>
                <p:nvPr/>
              </p:nvSpPr>
              <p:spPr>
                <a:xfrm>
                  <a:off x="6048597" y="3327192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47" name="Oval 246">
                  <a:extLst>
                    <a:ext uri="{FF2B5EF4-FFF2-40B4-BE49-F238E27FC236}">
                      <a16:creationId xmlns:a16="http://schemas.microsoft.com/office/drawing/2014/main" id="{9F44D5AD-3CAA-C8B7-37D6-683C0BBD41A9}"/>
                    </a:ext>
                  </a:extLst>
                </p:cNvPr>
                <p:cNvSpPr/>
                <p:nvPr/>
              </p:nvSpPr>
              <p:spPr>
                <a:xfrm>
                  <a:off x="6159562" y="3839786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48" name="Oval 247">
                  <a:extLst>
                    <a:ext uri="{FF2B5EF4-FFF2-40B4-BE49-F238E27FC236}">
                      <a16:creationId xmlns:a16="http://schemas.microsoft.com/office/drawing/2014/main" id="{E0DE4F25-7397-1FFE-2FFF-57D67DDEBE60}"/>
                    </a:ext>
                  </a:extLst>
                </p:cNvPr>
                <p:cNvSpPr/>
                <p:nvPr/>
              </p:nvSpPr>
              <p:spPr>
                <a:xfrm>
                  <a:off x="5400707" y="3649469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49" name="Oval 248">
                  <a:extLst>
                    <a:ext uri="{FF2B5EF4-FFF2-40B4-BE49-F238E27FC236}">
                      <a16:creationId xmlns:a16="http://schemas.microsoft.com/office/drawing/2014/main" id="{BA58DE1A-6E70-DE69-0EA2-2B932026F352}"/>
                    </a:ext>
                  </a:extLst>
                </p:cNvPr>
                <p:cNvSpPr/>
                <p:nvPr/>
              </p:nvSpPr>
              <p:spPr>
                <a:xfrm>
                  <a:off x="5897332" y="3766461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50" name="Oval 249">
                  <a:extLst>
                    <a:ext uri="{FF2B5EF4-FFF2-40B4-BE49-F238E27FC236}">
                      <a16:creationId xmlns:a16="http://schemas.microsoft.com/office/drawing/2014/main" id="{89DA2A6E-0E42-9254-7120-52640C75EEEA}"/>
                    </a:ext>
                  </a:extLst>
                </p:cNvPr>
                <p:cNvSpPr/>
                <p:nvPr/>
              </p:nvSpPr>
              <p:spPr>
                <a:xfrm>
                  <a:off x="5968089" y="3662019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51" name="Oval 250">
                  <a:extLst>
                    <a:ext uri="{FF2B5EF4-FFF2-40B4-BE49-F238E27FC236}">
                      <a16:creationId xmlns:a16="http://schemas.microsoft.com/office/drawing/2014/main" id="{0A01D8FF-15F6-E1EE-8031-AE3FB368911B}"/>
                    </a:ext>
                  </a:extLst>
                </p:cNvPr>
                <p:cNvSpPr/>
                <p:nvPr/>
              </p:nvSpPr>
              <p:spPr>
                <a:xfrm>
                  <a:off x="5577909" y="3507287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52" name="Oval 251">
                  <a:extLst>
                    <a:ext uri="{FF2B5EF4-FFF2-40B4-BE49-F238E27FC236}">
                      <a16:creationId xmlns:a16="http://schemas.microsoft.com/office/drawing/2014/main" id="{A8EBF992-6D39-D182-617D-A74CC3EFEDB5}"/>
                    </a:ext>
                  </a:extLst>
                </p:cNvPr>
                <p:cNvSpPr/>
                <p:nvPr/>
              </p:nvSpPr>
              <p:spPr>
                <a:xfrm>
                  <a:off x="5680950" y="3655066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53" name="Oval 252">
                  <a:extLst>
                    <a:ext uri="{FF2B5EF4-FFF2-40B4-BE49-F238E27FC236}">
                      <a16:creationId xmlns:a16="http://schemas.microsoft.com/office/drawing/2014/main" id="{D329F07A-0F01-AF54-0966-08205D3061A0}"/>
                    </a:ext>
                  </a:extLst>
                </p:cNvPr>
                <p:cNvSpPr/>
                <p:nvPr/>
              </p:nvSpPr>
              <p:spPr>
                <a:xfrm>
                  <a:off x="5984081" y="3911245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54" name="Oval 253">
                  <a:extLst>
                    <a:ext uri="{FF2B5EF4-FFF2-40B4-BE49-F238E27FC236}">
                      <a16:creationId xmlns:a16="http://schemas.microsoft.com/office/drawing/2014/main" id="{382E0B83-B4FC-1762-213E-989C48426527}"/>
                    </a:ext>
                  </a:extLst>
                </p:cNvPr>
                <p:cNvSpPr/>
                <p:nvPr/>
              </p:nvSpPr>
              <p:spPr>
                <a:xfrm>
                  <a:off x="5824469" y="3513511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55" name="Oval 254">
                  <a:extLst>
                    <a:ext uri="{FF2B5EF4-FFF2-40B4-BE49-F238E27FC236}">
                      <a16:creationId xmlns:a16="http://schemas.microsoft.com/office/drawing/2014/main" id="{672ED3F5-A453-C9F0-7A33-8EB72B4CDA51}"/>
                    </a:ext>
                  </a:extLst>
                </p:cNvPr>
                <p:cNvSpPr/>
                <p:nvPr/>
              </p:nvSpPr>
              <p:spPr>
                <a:xfrm>
                  <a:off x="5812708" y="3296922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56" name="Oval 255">
                  <a:extLst>
                    <a:ext uri="{FF2B5EF4-FFF2-40B4-BE49-F238E27FC236}">
                      <a16:creationId xmlns:a16="http://schemas.microsoft.com/office/drawing/2014/main" id="{13FD0487-52A8-039C-8609-BDA0F8ED394A}"/>
                    </a:ext>
                  </a:extLst>
                </p:cNvPr>
                <p:cNvSpPr/>
                <p:nvPr/>
              </p:nvSpPr>
              <p:spPr>
                <a:xfrm>
                  <a:off x="5382428" y="3774858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57" name="Oval 256">
                  <a:extLst>
                    <a:ext uri="{FF2B5EF4-FFF2-40B4-BE49-F238E27FC236}">
                      <a16:creationId xmlns:a16="http://schemas.microsoft.com/office/drawing/2014/main" id="{14CA406E-D461-777C-B5B0-0AFC4F572621}"/>
                    </a:ext>
                  </a:extLst>
                </p:cNvPr>
                <p:cNvSpPr/>
                <p:nvPr/>
              </p:nvSpPr>
              <p:spPr>
                <a:xfrm>
                  <a:off x="5516078" y="3924807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58" name="Oval 257">
                  <a:extLst>
                    <a:ext uri="{FF2B5EF4-FFF2-40B4-BE49-F238E27FC236}">
                      <a16:creationId xmlns:a16="http://schemas.microsoft.com/office/drawing/2014/main" id="{2E6278D2-FE2E-555F-17D8-2A43EC587586}"/>
                    </a:ext>
                  </a:extLst>
                </p:cNvPr>
                <p:cNvSpPr/>
                <p:nvPr/>
              </p:nvSpPr>
              <p:spPr>
                <a:xfrm>
                  <a:off x="5697401" y="3824357"/>
                  <a:ext cx="302167" cy="284568"/>
                </a:xfrm>
                <a:prstGeom prst="ellipse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chemeClr val="bg1">
                      <a:lumMod val="50000"/>
                      <a:alpha val="40000"/>
                    </a:scheme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  <p:sp>
              <p:nvSpPr>
                <p:cNvPr id="259" name="Oval 258">
                  <a:extLst>
                    <a:ext uri="{FF2B5EF4-FFF2-40B4-BE49-F238E27FC236}">
                      <a16:creationId xmlns:a16="http://schemas.microsoft.com/office/drawing/2014/main" id="{FC2B0315-D0C9-4A36-5371-9A2578B2F2C8}"/>
                    </a:ext>
                  </a:extLst>
                </p:cNvPr>
                <p:cNvSpPr/>
                <p:nvPr/>
              </p:nvSpPr>
              <p:spPr>
                <a:xfrm>
                  <a:off x="6048597" y="3595426"/>
                  <a:ext cx="302167" cy="284568"/>
                </a:xfrm>
                <a:prstGeom prst="ellipse">
                  <a:avLst/>
                </a:prstGeom>
                <a:solidFill>
                  <a:srgbClr val="FF0000"/>
                </a:solidFill>
                <a:ln>
                  <a:solidFill>
                    <a:schemeClr val="tx1"/>
                  </a:solidFill>
                </a:ln>
                <a:effectLst>
                  <a:glow rad="63500">
                    <a:srgbClr val="FF0000">
                      <a:alpha val="40000"/>
                    </a:srgbClr>
                  </a:glo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/>
                </a:p>
              </p:txBody>
            </p:sp>
          </p:grpSp>
          <p:cxnSp>
            <p:nvCxnSpPr>
              <p:cNvPr id="222" name="Straight Arrow Connector 221">
                <a:extLst>
                  <a:ext uri="{FF2B5EF4-FFF2-40B4-BE49-F238E27FC236}">
                    <a16:creationId xmlns:a16="http://schemas.microsoft.com/office/drawing/2014/main" id="{6643A4EB-ED4F-2787-37D5-61C155C324C6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5869779" y="2135108"/>
                <a:ext cx="808133" cy="9335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24" name="Oval 223">
                <a:extLst>
                  <a:ext uri="{FF2B5EF4-FFF2-40B4-BE49-F238E27FC236}">
                    <a16:creationId xmlns:a16="http://schemas.microsoft.com/office/drawing/2014/main" id="{E341F09F-3E77-A2ED-7FB7-00A9A10B1684}"/>
                  </a:ext>
                </a:extLst>
              </p:cNvPr>
              <p:cNvSpPr/>
              <p:nvPr/>
            </p:nvSpPr>
            <p:spPr>
              <a:xfrm>
                <a:off x="5541675" y="2058343"/>
                <a:ext cx="182851" cy="172201"/>
              </a:xfrm>
              <a:prstGeom prst="ellipse">
                <a:avLst/>
              </a:prstGeom>
              <a:solidFill>
                <a:srgbClr val="FF0000"/>
              </a:solidFill>
              <a:ln>
                <a:solidFill>
                  <a:schemeClr val="tx1"/>
                </a:solidFill>
              </a:ln>
              <a:effectLst>
                <a:glow rad="63500">
                  <a:srgbClr val="FF0000">
                    <a:alpha val="40000"/>
                  </a:srgbClr>
                </a:glo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cxnSp>
            <p:nvCxnSpPr>
              <p:cNvPr id="225" name="Straight Arrow Connector 224">
                <a:extLst>
                  <a:ext uri="{FF2B5EF4-FFF2-40B4-BE49-F238E27FC236}">
                    <a16:creationId xmlns:a16="http://schemas.microsoft.com/office/drawing/2014/main" id="{9AA5869D-A2C1-B481-70B8-2EF777A80DEF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7550814" y="1582135"/>
                <a:ext cx="749535" cy="441859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6" name="Straight Arrow Connector 225">
                <a:extLst>
                  <a:ext uri="{FF2B5EF4-FFF2-40B4-BE49-F238E27FC236}">
                    <a16:creationId xmlns:a16="http://schemas.microsoft.com/office/drawing/2014/main" id="{6FE19FB5-D4F1-2EFE-9BB8-7068B78C38EF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7565982" y="1902040"/>
                <a:ext cx="734367" cy="180634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7" name="Straight Arrow Connector 226">
                <a:extLst>
                  <a:ext uri="{FF2B5EF4-FFF2-40B4-BE49-F238E27FC236}">
                    <a16:creationId xmlns:a16="http://schemas.microsoft.com/office/drawing/2014/main" id="{1A76A528-8AEF-EB86-3B51-651171DDE071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7557931" y="2167864"/>
                <a:ext cx="734367" cy="232533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8" name="Straight Arrow Connector 227">
                <a:extLst>
                  <a:ext uri="{FF2B5EF4-FFF2-40B4-BE49-F238E27FC236}">
                    <a16:creationId xmlns:a16="http://schemas.microsoft.com/office/drawing/2014/main" id="{DBF5E77E-3BCF-A335-FC99-FEF4CCFE78E3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7550814" y="2263688"/>
                <a:ext cx="697689" cy="584363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prstDash val="dash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29" name="Oval 228">
                <a:extLst>
                  <a:ext uri="{FF2B5EF4-FFF2-40B4-BE49-F238E27FC236}">
                    <a16:creationId xmlns:a16="http://schemas.microsoft.com/office/drawing/2014/main" id="{84653143-2918-A823-947D-33F36D820827}"/>
                  </a:ext>
                </a:extLst>
              </p:cNvPr>
              <p:cNvSpPr/>
              <p:nvPr/>
            </p:nvSpPr>
            <p:spPr>
              <a:xfrm>
                <a:off x="8328581" y="1444557"/>
                <a:ext cx="182851" cy="172201"/>
              </a:xfrm>
              <a:prstGeom prst="ellipse">
                <a:avLst/>
              </a:prstGeom>
              <a:solidFill>
                <a:schemeClr val="bg1">
                  <a:lumMod val="65000"/>
                </a:schemeClr>
              </a:solidFill>
              <a:ln>
                <a:solidFill>
                  <a:schemeClr val="tx1"/>
                </a:solidFill>
              </a:ln>
              <a:effectLst>
                <a:glow rad="63500">
                  <a:schemeClr val="bg1">
                    <a:lumMod val="65000"/>
                    <a:alpha val="40000"/>
                  </a:schemeClr>
                </a:glo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sp>
            <p:nvSpPr>
              <p:cNvPr id="230" name="Oval 229">
                <a:extLst>
                  <a:ext uri="{FF2B5EF4-FFF2-40B4-BE49-F238E27FC236}">
                    <a16:creationId xmlns:a16="http://schemas.microsoft.com/office/drawing/2014/main" id="{B15C0D2F-96D8-24F8-0BAC-D377504F26A5}"/>
                  </a:ext>
                </a:extLst>
              </p:cNvPr>
              <p:cNvSpPr/>
              <p:nvPr/>
            </p:nvSpPr>
            <p:spPr>
              <a:xfrm>
                <a:off x="8343749" y="1803064"/>
                <a:ext cx="182851" cy="172201"/>
              </a:xfrm>
              <a:prstGeom prst="ellipse">
                <a:avLst/>
              </a:prstGeom>
              <a:solidFill>
                <a:srgbClr val="FF0000"/>
              </a:solidFill>
              <a:ln>
                <a:solidFill>
                  <a:schemeClr val="tx1"/>
                </a:solidFill>
              </a:ln>
              <a:effectLst>
                <a:glow rad="63500">
                  <a:srgbClr val="FF0000">
                    <a:alpha val="40000"/>
                  </a:srgbClr>
                </a:glo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sp>
            <p:nvSpPr>
              <p:cNvPr id="231" name="Oval 230">
                <a:extLst>
                  <a:ext uri="{FF2B5EF4-FFF2-40B4-BE49-F238E27FC236}">
                    <a16:creationId xmlns:a16="http://schemas.microsoft.com/office/drawing/2014/main" id="{68AFFDCB-3280-9EE2-B1C0-CB5EC510E092}"/>
                  </a:ext>
                </a:extLst>
              </p:cNvPr>
              <p:cNvSpPr/>
              <p:nvPr/>
            </p:nvSpPr>
            <p:spPr>
              <a:xfrm>
                <a:off x="8343749" y="2310750"/>
                <a:ext cx="182851" cy="172201"/>
              </a:xfrm>
              <a:prstGeom prst="ellipse">
                <a:avLst/>
              </a:prstGeom>
              <a:solidFill>
                <a:srgbClr val="00B050"/>
              </a:solidFill>
              <a:ln>
                <a:solidFill>
                  <a:schemeClr val="tx1"/>
                </a:solidFill>
              </a:ln>
              <a:effectLst>
                <a:glow rad="63500">
                  <a:schemeClr val="accent6">
                    <a:lumMod val="75000"/>
                    <a:alpha val="40000"/>
                  </a:schemeClr>
                </a:glo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sp>
            <p:nvSpPr>
              <p:cNvPr id="232" name="TextBox 231">
                <a:extLst>
                  <a:ext uri="{FF2B5EF4-FFF2-40B4-BE49-F238E27FC236}">
                    <a16:creationId xmlns:a16="http://schemas.microsoft.com/office/drawing/2014/main" id="{B5EDC43B-46DA-6C9A-04FE-B03371F30848}"/>
                  </a:ext>
                </a:extLst>
              </p:cNvPr>
              <p:cNvSpPr txBox="1"/>
              <p:nvPr/>
            </p:nvSpPr>
            <p:spPr>
              <a:xfrm>
                <a:off x="4800469" y="2276192"/>
                <a:ext cx="1916605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r>
                  <a:rPr lang="en-US"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5</a:t>
                </a:r>
                <a:r>
                  <a:rPr lang="en-CA"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00 MeV protons</a:t>
                </a:r>
                <a:endParaRPr lang="en-CA"/>
              </a:p>
            </p:txBody>
          </p:sp>
          <p:sp>
            <p:nvSpPr>
              <p:cNvPr id="233" name="TextBox 232">
                <a:extLst>
                  <a:ext uri="{FF2B5EF4-FFF2-40B4-BE49-F238E27FC236}">
                    <a16:creationId xmlns:a16="http://schemas.microsoft.com/office/drawing/2014/main" id="{933B037F-FE99-074C-09EF-6BF05C570E9D}"/>
                  </a:ext>
                </a:extLst>
              </p:cNvPr>
              <p:cNvSpPr txBox="1"/>
              <p:nvPr/>
            </p:nvSpPr>
            <p:spPr>
              <a:xfrm>
                <a:off x="5731889" y="1124901"/>
                <a:ext cx="2800502" cy="646331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 Intra-nuclear cascade</a:t>
                </a:r>
              </a:p>
              <a:p>
                <a:pPr algn="ctr"/>
                <a:r>
                  <a:rPr lang="en-US"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t~10</a:t>
                </a:r>
                <a:r>
                  <a:rPr lang="en-US" baseline="30000"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-22</a:t>
                </a:r>
                <a:r>
                  <a:rPr lang="en-US"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 s</a:t>
                </a:r>
                <a:endParaRPr lang="en-CA"/>
              </a:p>
            </p:txBody>
          </p:sp>
          <p:sp>
            <p:nvSpPr>
              <p:cNvPr id="234" name="TextBox 233">
                <a:extLst>
                  <a:ext uri="{FF2B5EF4-FFF2-40B4-BE49-F238E27FC236}">
                    <a16:creationId xmlns:a16="http://schemas.microsoft.com/office/drawing/2014/main" id="{7E330353-0A54-87DD-0466-C9EC1F3ABF4D}"/>
                  </a:ext>
                </a:extLst>
              </p:cNvPr>
              <p:cNvSpPr txBox="1"/>
              <p:nvPr/>
            </p:nvSpPr>
            <p:spPr>
              <a:xfrm>
                <a:off x="8630847" y="1711711"/>
                <a:ext cx="368483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r>
                  <a:rPr lang="en-CA" sz="1800"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p</a:t>
                </a:r>
                <a:endParaRPr lang="en-CA"/>
              </a:p>
            </p:txBody>
          </p:sp>
          <p:sp>
            <p:nvSpPr>
              <p:cNvPr id="235" name="TextBox 234">
                <a:extLst>
                  <a:ext uri="{FF2B5EF4-FFF2-40B4-BE49-F238E27FC236}">
                    <a16:creationId xmlns:a16="http://schemas.microsoft.com/office/drawing/2014/main" id="{0C6C8D9B-822E-0C4F-3AA1-1A49691C82C7}"/>
                  </a:ext>
                </a:extLst>
              </p:cNvPr>
              <p:cNvSpPr txBox="1"/>
              <p:nvPr/>
            </p:nvSpPr>
            <p:spPr>
              <a:xfrm>
                <a:off x="8620285" y="1288533"/>
                <a:ext cx="368483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r>
                  <a:rPr lang="en-US"/>
                  <a:t>n</a:t>
                </a:r>
                <a:endParaRPr lang="en-CA"/>
              </a:p>
            </p:txBody>
          </p:sp>
          <p:sp>
            <p:nvSpPr>
              <p:cNvPr id="236" name="TextBox 235">
                <a:extLst>
                  <a:ext uri="{FF2B5EF4-FFF2-40B4-BE49-F238E27FC236}">
                    <a16:creationId xmlns:a16="http://schemas.microsoft.com/office/drawing/2014/main" id="{3FF3AB0D-A2A2-1370-698B-5C70D804CD86}"/>
                  </a:ext>
                </a:extLst>
              </p:cNvPr>
              <p:cNvSpPr txBox="1"/>
              <p:nvPr/>
            </p:nvSpPr>
            <p:spPr>
              <a:xfrm>
                <a:off x="8511432" y="2189850"/>
                <a:ext cx="725305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r>
                  <a:rPr lang="el-GR"/>
                  <a:t>μ</a:t>
                </a:r>
                <a:r>
                  <a:rPr lang="en-US"/>
                  <a:t>,</a:t>
                </a:r>
                <a:r>
                  <a:rPr lang="el-GR"/>
                  <a:t>π</a:t>
                </a:r>
                <a:r>
                  <a:rPr lang="en-US"/>
                  <a:t>,k</a:t>
                </a:r>
                <a:endParaRPr lang="en-CA"/>
              </a:p>
            </p:txBody>
          </p:sp>
          <p:sp>
            <p:nvSpPr>
              <p:cNvPr id="237" name="TextBox 236">
                <a:extLst>
                  <a:ext uri="{FF2B5EF4-FFF2-40B4-BE49-F238E27FC236}">
                    <a16:creationId xmlns:a16="http://schemas.microsoft.com/office/drawing/2014/main" id="{938D8FAB-EB38-7849-A5F4-734620DEEA39}"/>
                  </a:ext>
                </a:extLst>
              </p:cNvPr>
              <p:cNvSpPr txBox="1"/>
              <p:nvPr/>
            </p:nvSpPr>
            <p:spPr>
              <a:xfrm>
                <a:off x="8261695" y="2621134"/>
                <a:ext cx="725305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r>
                  <a:rPr lang="en-US"/>
                  <a:t>…</a:t>
                </a:r>
                <a:endParaRPr lang="en-CA"/>
              </a:p>
            </p:txBody>
          </p:sp>
        </p:grpSp>
        <p:sp>
          <p:nvSpPr>
            <p:cNvPr id="260" name="TextBox 259">
              <a:extLst>
                <a:ext uri="{FF2B5EF4-FFF2-40B4-BE49-F238E27FC236}">
                  <a16:creationId xmlns:a16="http://schemas.microsoft.com/office/drawing/2014/main" id="{DA9912F7-CA0B-7F87-8018-F370094C24EE}"/>
                </a:ext>
              </a:extLst>
            </p:cNvPr>
            <p:cNvSpPr txBox="1"/>
            <p:nvPr/>
          </p:nvSpPr>
          <p:spPr>
            <a:xfrm>
              <a:off x="4113588" y="2929588"/>
              <a:ext cx="4334551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dirty="0">
                  <a:latin typeface="+mj-lt"/>
                  <a:cs typeface="Times New Roman" panose="02020603050405020304" pitchFamily="18" charset="0"/>
                </a:rPr>
                <a:t>Nuclei: U, Th, Ta, Si, C, O, Zr, Nb, Ni, Al, Ca</a:t>
              </a:r>
              <a:endParaRPr lang="en-CA" sz="1000" dirty="0">
                <a:latin typeface="+mj-lt"/>
                <a:cs typeface="Times New Roman" panose="02020603050405020304" pitchFamily="18" charset="0"/>
              </a:endParaRPr>
            </a:p>
          </p:txBody>
        </p:sp>
        <p:sp>
          <p:nvSpPr>
            <p:cNvPr id="261" name="TextBox 260">
              <a:extLst>
                <a:ext uri="{FF2B5EF4-FFF2-40B4-BE49-F238E27FC236}">
                  <a16:creationId xmlns:a16="http://schemas.microsoft.com/office/drawing/2014/main" id="{73EF9DA6-0D3F-F4FF-C578-77317D05179B}"/>
                </a:ext>
              </a:extLst>
            </p:cNvPr>
            <p:cNvSpPr txBox="1"/>
            <p:nvPr/>
          </p:nvSpPr>
          <p:spPr>
            <a:xfrm>
              <a:off x="9644020" y="2116267"/>
              <a:ext cx="2059150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/>
                <a:t>Nuclei: U, Ta</a:t>
              </a:r>
              <a:endParaRPr lang="en-CA" sz="1000"/>
            </a:p>
          </p:txBody>
        </p:sp>
      </p:grpSp>
    </p:spTree>
    <p:extLst>
      <p:ext uri="{BB962C8B-B14F-4D97-AF65-F5344CB8AC3E}">
        <p14:creationId xmlns:p14="http://schemas.microsoft.com/office/powerpoint/2010/main" val="35149558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5" fill="hold">
                      <p:stCondLst>
                        <p:cond delay="indefinite"/>
                      </p:stCondLst>
                      <p:childTnLst>
                        <p:par>
                          <p:cTn id="86" fill="hold">
                            <p:stCondLst>
                              <p:cond delay="0"/>
                            </p:stCondLst>
                            <p:childTnLst>
                              <p:par>
                                <p:cTn id="8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1" fill="hold">
                      <p:stCondLst>
                        <p:cond delay="indefinite"/>
                      </p:stCondLst>
                      <p:childTnLst>
                        <p:par>
                          <p:cTn id="132" fill="hold">
                            <p:stCondLst>
                              <p:cond delay="0"/>
                            </p:stCondLst>
                            <p:childTnLst>
                              <p:par>
                                <p:cTn id="1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5" fill="hold">
                      <p:stCondLst>
                        <p:cond delay="indefinite"/>
                      </p:stCondLst>
                      <p:childTnLst>
                        <p:par>
                          <p:cTn id="146" fill="hold">
                            <p:stCondLst>
                              <p:cond delay="0"/>
                            </p:stCondLst>
                            <p:childTnLst>
                              <p:par>
                                <p:cTn id="1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3" fill="hold">
                      <p:stCondLst>
                        <p:cond delay="indefinite"/>
                      </p:stCondLst>
                      <p:childTnLst>
                        <p:par>
                          <p:cTn id="184" fill="hold">
                            <p:stCondLst>
                              <p:cond delay="0"/>
                            </p:stCondLst>
                            <p:childTnLst>
                              <p:par>
                                <p:cTn id="18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1" fill="hold">
                      <p:stCondLst>
                        <p:cond delay="indefinite"/>
                      </p:stCondLst>
                      <p:childTnLst>
                        <p:par>
                          <p:cTn id="192" fill="hold">
                            <p:stCondLst>
                              <p:cond delay="0"/>
                            </p:stCondLst>
                            <p:childTnLst>
                              <p:par>
                                <p:cTn id="19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1" grpId="0" animBg="1"/>
      <p:bldP spid="121" grpId="1" animBg="1"/>
      <p:bldP spid="128" grpId="0" animBg="1"/>
      <p:bldP spid="129" grpId="0" animBg="1"/>
      <p:bldP spid="130" grpId="0" animBg="1"/>
      <p:bldP spid="142" grpId="0"/>
      <p:bldP spid="145" grpId="0" animBg="1"/>
      <p:bldP spid="146" grpId="0" animBg="1"/>
      <p:bldP spid="147" grpId="0" animBg="1"/>
      <p:bldP spid="148" grpId="0" animBg="1"/>
      <p:bldP spid="149" grpId="0" animBg="1"/>
      <p:bldP spid="150" grpId="0" animBg="1"/>
      <p:bldP spid="151" grpId="0" animBg="1"/>
      <p:bldP spid="152" grpId="0" animBg="1"/>
      <p:bldP spid="155" grpId="0" animBg="1"/>
      <p:bldP spid="166" grpId="0"/>
      <p:bldP spid="167" grpId="0"/>
      <p:bldP spid="169" grpId="0"/>
      <p:bldP spid="170" grpId="0"/>
      <p:bldP spid="171" grpId="0" animBg="1"/>
      <p:bldP spid="171" grpId="1" animBg="1"/>
      <p:bldP spid="172" grpId="0" animBg="1"/>
      <p:bldP spid="172" grpId="1" animBg="1"/>
      <p:bldP spid="173" grpId="0" animBg="1"/>
      <p:bldP spid="173" grpId="1" animBg="1"/>
      <p:bldP spid="174" grpId="0" animBg="1"/>
      <p:bldP spid="175" grpId="0" animBg="1"/>
      <p:bldP spid="176" grpId="0" animBg="1"/>
      <p:bldP spid="177" grpId="0" animBg="1"/>
      <p:bldP spid="178" grpId="0" animBg="1"/>
      <p:bldP spid="179" grpId="0" animBg="1"/>
      <p:bldP spid="180" grpId="0" animBg="1"/>
      <p:bldP spid="181" grpId="0" animBg="1"/>
      <p:bldP spid="182" grpId="0" animBg="1"/>
      <p:bldP spid="183" grpId="0" animBg="1"/>
      <p:bldP spid="184" grpId="0" animBg="1"/>
      <p:bldP spid="185" grpId="0"/>
      <p:bldP spid="187" grpId="0" animBg="1"/>
      <p:bldP spid="188" grpId="0" animBg="1"/>
      <p:bldP spid="189" grpId="0" animBg="1"/>
      <p:bldP spid="190" grpId="0" animBg="1"/>
      <p:bldP spid="191" grpId="0" animBg="1"/>
      <p:bldP spid="192" grpId="0"/>
      <p:bldP spid="193" grpId="0" animBg="1"/>
      <p:bldP spid="193" grpId="1" animBg="1"/>
      <p:bldP spid="194" grpId="0" animBg="1"/>
      <p:bldP spid="194" grpId="1" animBg="1"/>
      <p:bldP spid="195" grpId="0" animBg="1"/>
      <p:bldP spid="195" grpId="1" animBg="1"/>
      <p:bldP spid="217" grpId="0" animBg="1"/>
      <p:bldP spid="217" grpId="1" animBg="1"/>
      <p:bldP spid="218" grpId="0" animBg="1"/>
      <p:bldP spid="218" grpId="1" animBg="1"/>
      <p:bldP spid="223" grpId="0"/>
      <p:bldP spid="2" grpId="0"/>
      <p:bldP spid="5" grpId="0"/>
      <p:bldP spid="8" grpId="0"/>
      <p:bldP spid="11" grpId="0" animBg="1"/>
      <p:bldP spid="12" grpId="0" animBg="1"/>
      <p:bldP spid="13" grpId="0" animBg="1"/>
      <p:bldP spid="14" grpId="0" animBg="1"/>
      <p:bldP spid="15" grpId="0" animBg="1"/>
      <p:bldP spid="16" grpId="0" animBg="1"/>
      <p:bldP spid="17" grpId="0" animBg="1"/>
      <p:bldP spid="18" grpId="0" animBg="1"/>
      <p:bldP spid="19" grpId="0" animBg="1"/>
      <p:bldP spid="20" grpId="0" animBg="1"/>
      <p:bldP spid="21" grpId="0" animBg="1"/>
      <p:bldP spid="22" grpId="0" animBg="1"/>
      <p:bldP spid="23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013976A-5369-B477-FD13-7BF1E93AB43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0" name="Group 209">
            <a:extLst>
              <a:ext uri="{FF2B5EF4-FFF2-40B4-BE49-F238E27FC236}">
                <a16:creationId xmlns:a16="http://schemas.microsoft.com/office/drawing/2014/main" id="{C710CD4B-C91E-8063-54FA-400D8D89E2D8}"/>
              </a:ext>
            </a:extLst>
          </p:cNvPr>
          <p:cNvGrpSpPr/>
          <p:nvPr/>
        </p:nvGrpSpPr>
        <p:grpSpPr>
          <a:xfrm>
            <a:off x="838800" y="1681076"/>
            <a:ext cx="2823641" cy="1677781"/>
            <a:chOff x="4051782" y="1699976"/>
            <a:chExt cx="2823641" cy="1677781"/>
          </a:xfrm>
        </p:grpSpPr>
        <p:sp>
          <p:nvSpPr>
            <p:cNvPr id="206" name="TextBox 205">
              <a:extLst>
                <a:ext uri="{FF2B5EF4-FFF2-40B4-BE49-F238E27FC236}">
                  <a16:creationId xmlns:a16="http://schemas.microsoft.com/office/drawing/2014/main" id="{1CA04F31-4F81-2721-59BD-34B7D95384C2}"/>
                </a:ext>
              </a:extLst>
            </p:cNvPr>
            <p:cNvSpPr txBox="1"/>
            <p:nvPr/>
          </p:nvSpPr>
          <p:spPr>
            <a:xfrm>
              <a:off x="6414467" y="1699976"/>
              <a:ext cx="460956" cy="200055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700"/>
                <a:t>[1/s]</a:t>
              </a:r>
            </a:p>
          </p:txBody>
        </p:sp>
        <p:pic>
          <p:nvPicPr>
            <p:cNvPr id="203" name="Picture 202" descr="A graph showing a graph showing a number of electrons&#10;&#10;Description automatically generated">
              <a:extLst>
                <a:ext uri="{FF2B5EF4-FFF2-40B4-BE49-F238E27FC236}">
                  <a16:creationId xmlns:a16="http://schemas.microsoft.com/office/drawing/2014/main" id="{241192EF-EE6F-F3D3-6764-07FD248D7C1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113" r="4164"/>
            <a:stretch/>
          </p:blipFill>
          <p:spPr>
            <a:xfrm>
              <a:off x="4051782" y="1765083"/>
              <a:ext cx="2561861" cy="1612674"/>
            </a:xfrm>
            <a:prstGeom prst="rect">
              <a:avLst/>
            </a:prstGeom>
          </p:spPr>
        </p:pic>
      </p:grpSp>
      <p:grpSp>
        <p:nvGrpSpPr>
          <p:cNvPr id="214" name="Group 213">
            <a:extLst>
              <a:ext uri="{FF2B5EF4-FFF2-40B4-BE49-F238E27FC236}">
                <a16:creationId xmlns:a16="http://schemas.microsoft.com/office/drawing/2014/main" id="{DC515B3C-9DC5-A978-8682-9E7A0220F359}"/>
              </a:ext>
            </a:extLst>
          </p:cNvPr>
          <p:cNvGrpSpPr/>
          <p:nvPr/>
        </p:nvGrpSpPr>
        <p:grpSpPr>
          <a:xfrm>
            <a:off x="7847290" y="1717835"/>
            <a:ext cx="2929938" cy="1641553"/>
            <a:chOff x="7847290" y="1717835"/>
            <a:chExt cx="2929938" cy="1641553"/>
          </a:xfrm>
        </p:grpSpPr>
        <p:sp>
          <p:nvSpPr>
            <p:cNvPr id="208" name="TextBox 207">
              <a:extLst>
                <a:ext uri="{FF2B5EF4-FFF2-40B4-BE49-F238E27FC236}">
                  <a16:creationId xmlns:a16="http://schemas.microsoft.com/office/drawing/2014/main" id="{F5B05C34-E584-6E91-4465-3F05063A6139}"/>
                </a:ext>
              </a:extLst>
            </p:cNvPr>
            <p:cNvSpPr txBox="1"/>
            <p:nvPr/>
          </p:nvSpPr>
          <p:spPr>
            <a:xfrm>
              <a:off x="10316272" y="1717835"/>
              <a:ext cx="460956" cy="200055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700"/>
                <a:t>[1/s]</a:t>
              </a:r>
            </a:p>
          </p:txBody>
        </p:sp>
        <p:pic>
          <p:nvPicPr>
            <p:cNvPr id="204" name="Picture 203" descr="A graph showing a graph showing a number of electrons&#10;&#10;Description automatically generated">
              <a:extLst>
                <a:ext uri="{FF2B5EF4-FFF2-40B4-BE49-F238E27FC236}">
                  <a16:creationId xmlns:a16="http://schemas.microsoft.com/office/drawing/2014/main" id="{5060D04D-7357-9BD4-2330-B969C0A5EE4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r="4722"/>
            <a:stretch/>
          </p:blipFill>
          <p:spPr>
            <a:xfrm>
              <a:off x="7847290" y="1764738"/>
              <a:ext cx="2655149" cy="1594650"/>
            </a:xfrm>
            <a:prstGeom prst="rect">
              <a:avLst/>
            </a:prstGeom>
          </p:spPr>
        </p:pic>
      </p:grpSp>
      <p:sp>
        <p:nvSpPr>
          <p:cNvPr id="199" name="Rectangle: Rounded Corners 198">
            <a:extLst>
              <a:ext uri="{FF2B5EF4-FFF2-40B4-BE49-F238E27FC236}">
                <a16:creationId xmlns:a16="http://schemas.microsoft.com/office/drawing/2014/main" id="{DB34DDB0-0770-2F99-5927-646713DF70D6}"/>
              </a:ext>
            </a:extLst>
          </p:cNvPr>
          <p:cNvSpPr/>
          <p:nvPr/>
        </p:nvSpPr>
        <p:spPr>
          <a:xfrm>
            <a:off x="2437005" y="936858"/>
            <a:ext cx="8823132" cy="60657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2400"/>
              <a:t>ISAC I and ISAC-II halls</a:t>
            </a:r>
          </a:p>
        </p:txBody>
      </p:sp>
      <p:grpSp>
        <p:nvGrpSpPr>
          <p:cNvPr id="84" name="Group 83">
            <a:extLst>
              <a:ext uri="{FF2B5EF4-FFF2-40B4-BE49-F238E27FC236}">
                <a16:creationId xmlns:a16="http://schemas.microsoft.com/office/drawing/2014/main" id="{94A222CE-348C-9B2A-FBD4-D591A3A23113}"/>
              </a:ext>
            </a:extLst>
          </p:cNvPr>
          <p:cNvGrpSpPr/>
          <p:nvPr/>
        </p:nvGrpSpPr>
        <p:grpSpPr>
          <a:xfrm>
            <a:off x="2749275" y="2830365"/>
            <a:ext cx="2313418" cy="888536"/>
            <a:chOff x="8986673" y="4774543"/>
            <a:chExt cx="2313418" cy="888536"/>
          </a:xfrm>
        </p:grpSpPr>
        <p:sp>
          <p:nvSpPr>
            <p:cNvPr id="85" name="Rectangle 84">
              <a:extLst>
                <a:ext uri="{FF2B5EF4-FFF2-40B4-BE49-F238E27FC236}">
                  <a16:creationId xmlns:a16="http://schemas.microsoft.com/office/drawing/2014/main" id="{611674DA-F459-2483-80C3-36B96D9A6D2D}"/>
                </a:ext>
              </a:extLst>
            </p:cNvPr>
            <p:cNvSpPr/>
            <p:nvPr/>
          </p:nvSpPr>
          <p:spPr>
            <a:xfrm>
              <a:off x="9168297" y="5327844"/>
              <a:ext cx="1933563" cy="28179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500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86" name="Straight Connector 85">
              <a:extLst>
                <a:ext uri="{FF2B5EF4-FFF2-40B4-BE49-F238E27FC236}">
                  <a16:creationId xmlns:a16="http://schemas.microsoft.com/office/drawing/2014/main" id="{6E680C29-B654-D5D8-D490-ACD27A96B03F}"/>
                </a:ext>
              </a:extLst>
            </p:cNvPr>
            <p:cNvCxnSpPr>
              <a:cxnSpLocks/>
            </p:cNvCxnSpPr>
            <p:nvPr/>
          </p:nvCxnSpPr>
          <p:spPr>
            <a:xfrm>
              <a:off x="8986673" y="5652283"/>
              <a:ext cx="2313418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52F76158-5CF8-EC64-86B0-E14EFE7407D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86673" y="5285179"/>
              <a:ext cx="1087512" cy="719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8" name="Straight Connector 87">
              <a:extLst>
                <a:ext uri="{FF2B5EF4-FFF2-40B4-BE49-F238E27FC236}">
                  <a16:creationId xmlns:a16="http://schemas.microsoft.com/office/drawing/2014/main" id="{D5257C20-E3E2-82EF-C1C2-BD5C13F8E634}"/>
                </a:ext>
              </a:extLst>
            </p:cNvPr>
            <p:cNvCxnSpPr>
              <a:cxnSpLocks/>
            </p:cNvCxnSpPr>
            <p:nvPr/>
          </p:nvCxnSpPr>
          <p:spPr>
            <a:xfrm>
              <a:off x="9000115" y="5275011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9" name="Straight Connector 88">
              <a:extLst>
                <a:ext uri="{FF2B5EF4-FFF2-40B4-BE49-F238E27FC236}">
                  <a16:creationId xmlns:a16="http://schemas.microsoft.com/office/drawing/2014/main" id="{792C5E82-E1D1-69E4-A63E-93B7FD5A545D}"/>
                </a:ext>
              </a:extLst>
            </p:cNvPr>
            <p:cNvCxnSpPr>
              <a:cxnSpLocks/>
            </p:cNvCxnSpPr>
            <p:nvPr/>
          </p:nvCxnSpPr>
          <p:spPr>
            <a:xfrm>
              <a:off x="10211734" y="5282472"/>
              <a:ext cx="1088355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20FDA089-297B-80D1-7C63-9F9D5099220C}"/>
                </a:ext>
              </a:extLst>
            </p:cNvPr>
            <p:cNvCxnSpPr>
              <a:cxnSpLocks/>
            </p:cNvCxnSpPr>
            <p:nvPr/>
          </p:nvCxnSpPr>
          <p:spPr>
            <a:xfrm>
              <a:off x="11285766" y="5268413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1" name="Straight Connector 90">
              <a:extLst>
                <a:ext uri="{FF2B5EF4-FFF2-40B4-BE49-F238E27FC236}">
                  <a16:creationId xmlns:a16="http://schemas.microsoft.com/office/drawing/2014/main" id="{CC167C20-DBC1-8A14-FBA5-6A2FCCA163A7}"/>
                </a:ext>
              </a:extLst>
            </p:cNvPr>
            <p:cNvCxnSpPr>
              <a:cxnSpLocks/>
            </p:cNvCxnSpPr>
            <p:nvPr/>
          </p:nvCxnSpPr>
          <p:spPr>
            <a:xfrm>
              <a:off x="10062857" y="4777720"/>
              <a:ext cx="0" cy="51419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2" name="Straight Connector 91">
              <a:extLst>
                <a:ext uri="{FF2B5EF4-FFF2-40B4-BE49-F238E27FC236}">
                  <a16:creationId xmlns:a16="http://schemas.microsoft.com/office/drawing/2014/main" id="{50D3FA5C-FBC5-4DA6-1DEF-CD006FDFFF26}"/>
                </a:ext>
              </a:extLst>
            </p:cNvPr>
            <p:cNvCxnSpPr>
              <a:cxnSpLocks/>
            </p:cNvCxnSpPr>
            <p:nvPr/>
          </p:nvCxnSpPr>
          <p:spPr>
            <a:xfrm>
              <a:off x="10224787" y="4774543"/>
              <a:ext cx="0" cy="516836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20834D-F68E-5ADB-5BA8-13BE6C74B366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 dirty="0"/>
              <a:t>ARIEL’s objective: Three parallel RIBs</a:t>
            </a:r>
            <a:endParaRPr lang="en-CA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26A1B17-9742-5842-2D9E-555B98520F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974664" y="6599583"/>
            <a:ext cx="217336" cy="258417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14</a:t>
            </a:fld>
            <a:endParaRPr lang="en-US"/>
          </a:p>
        </p:txBody>
      </p:sp>
      <p:pic>
        <p:nvPicPr>
          <p:cNvPr id="78" name="Picture 77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243EE278-852C-6EDD-A282-6C0A9F3560B0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80459"/>
          <a:stretch/>
        </p:blipFill>
        <p:spPr>
          <a:xfrm>
            <a:off x="486164" y="4333064"/>
            <a:ext cx="1465006" cy="1354019"/>
          </a:xfrm>
          <a:prstGeom prst="rect">
            <a:avLst/>
          </a:prstGeom>
        </p:spPr>
      </p:pic>
      <p:sp>
        <p:nvSpPr>
          <p:cNvPr id="79" name="Content Placeholder 4">
            <a:extLst>
              <a:ext uri="{FF2B5EF4-FFF2-40B4-BE49-F238E27FC236}">
                <a16:creationId xmlns:a16="http://schemas.microsoft.com/office/drawing/2014/main" id="{2F4AF0AD-A432-6486-BE6A-B1FDA8A297F4}"/>
              </a:ext>
            </a:extLst>
          </p:cNvPr>
          <p:cNvSpPr txBox="1">
            <a:spLocks/>
          </p:cNvSpPr>
          <p:nvPr/>
        </p:nvSpPr>
        <p:spPr>
          <a:xfrm>
            <a:off x="144558" y="5957838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1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693BDEBD-F4E2-2852-A6A0-9DF45021C10E}"/>
              </a:ext>
            </a:extLst>
          </p:cNvPr>
          <p:cNvGrpSpPr/>
          <p:nvPr/>
        </p:nvGrpSpPr>
        <p:grpSpPr>
          <a:xfrm>
            <a:off x="9786773" y="4774543"/>
            <a:ext cx="2313418" cy="888536"/>
            <a:chOff x="8986673" y="4774543"/>
            <a:chExt cx="2313418" cy="888536"/>
          </a:xfrm>
        </p:grpSpPr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7521D7BF-2930-924D-01C5-43ED6F7D1F3D}"/>
                </a:ext>
              </a:extLst>
            </p:cNvPr>
            <p:cNvSpPr/>
            <p:nvPr/>
          </p:nvSpPr>
          <p:spPr>
            <a:xfrm>
              <a:off x="9168297" y="5327844"/>
              <a:ext cx="1933563" cy="28179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500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BB1CCC47-1E6F-5F65-F9C6-8551DAB09B8E}"/>
                </a:ext>
              </a:extLst>
            </p:cNvPr>
            <p:cNvCxnSpPr>
              <a:cxnSpLocks/>
            </p:cNvCxnSpPr>
            <p:nvPr/>
          </p:nvCxnSpPr>
          <p:spPr>
            <a:xfrm>
              <a:off x="8986673" y="5652283"/>
              <a:ext cx="2313418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3" name="Straight Connector 102">
              <a:extLst>
                <a:ext uri="{FF2B5EF4-FFF2-40B4-BE49-F238E27FC236}">
                  <a16:creationId xmlns:a16="http://schemas.microsoft.com/office/drawing/2014/main" id="{AC1C9535-4763-740C-9984-4B376C935598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86673" y="5285179"/>
              <a:ext cx="1087512" cy="719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4" name="Straight Connector 103">
              <a:extLst>
                <a:ext uri="{FF2B5EF4-FFF2-40B4-BE49-F238E27FC236}">
                  <a16:creationId xmlns:a16="http://schemas.microsoft.com/office/drawing/2014/main" id="{3C41B72C-3239-FE58-2B04-92EB1A567AB6}"/>
                </a:ext>
              </a:extLst>
            </p:cNvPr>
            <p:cNvCxnSpPr>
              <a:cxnSpLocks/>
            </p:cNvCxnSpPr>
            <p:nvPr/>
          </p:nvCxnSpPr>
          <p:spPr>
            <a:xfrm>
              <a:off x="9000115" y="5275011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5" name="Straight Connector 104">
              <a:extLst>
                <a:ext uri="{FF2B5EF4-FFF2-40B4-BE49-F238E27FC236}">
                  <a16:creationId xmlns:a16="http://schemas.microsoft.com/office/drawing/2014/main" id="{12043118-1D0F-3089-3F36-33B6F36E35A4}"/>
                </a:ext>
              </a:extLst>
            </p:cNvPr>
            <p:cNvCxnSpPr>
              <a:cxnSpLocks/>
            </p:cNvCxnSpPr>
            <p:nvPr/>
          </p:nvCxnSpPr>
          <p:spPr>
            <a:xfrm>
              <a:off x="10211734" y="5282472"/>
              <a:ext cx="1088355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6" name="Straight Connector 105">
              <a:extLst>
                <a:ext uri="{FF2B5EF4-FFF2-40B4-BE49-F238E27FC236}">
                  <a16:creationId xmlns:a16="http://schemas.microsoft.com/office/drawing/2014/main" id="{D8F6C93C-8EE8-2712-36AB-23AB1C085F63}"/>
                </a:ext>
              </a:extLst>
            </p:cNvPr>
            <p:cNvCxnSpPr>
              <a:cxnSpLocks/>
            </p:cNvCxnSpPr>
            <p:nvPr/>
          </p:nvCxnSpPr>
          <p:spPr>
            <a:xfrm>
              <a:off x="11285766" y="5268413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7CA876A4-EC34-97E1-AEC4-E572AE218FB0}"/>
                </a:ext>
              </a:extLst>
            </p:cNvPr>
            <p:cNvCxnSpPr>
              <a:cxnSpLocks/>
            </p:cNvCxnSpPr>
            <p:nvPr/>
          </p:nvCxnSpPr>
          <p:spPr>
            <a:xfrm>
              <a:off x="10062857" y="4777720"/>
              <a:ext cx="0" cy="51419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8" name="Straight Connector 107">
              <a:extLst>
                <a:ext uri="{FF2B5EF4-FFF2-40B4-BE49-F238E27FC236}">
                  <a16:creationId xmlns:a16="http://schemas.microsoft.com/office/drawing/2014/main" id="{E05EBA64-EC49-350A-4731-AF3E348682A9}"/>
                </a:ext>
              </a:extLst>
            </p:cNvPr>
            <p:cNvCxnSpPr>
              <a:cxnSpLocks/>
            </p:cNvCxnSpPr>
            <p:nvPr/>
          </p:nvCxnSpPr>
          <p:spPr>
            <a:xfrm>
              <a:off x="10224787" y="4774543"/>
              <a:ext cx="0" cy="516836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C36D4A26-5F7F-4C41-079F-5B1DCBA692A4}"/>
              </a:ext>
            </a:extLst>
          </p:cNvPr>
          <p:cNvGrpSpPr/>
          <p:nvPr/>
        </p:nvGrpSpPr>
        <p:grpSpPr>
          <a:xfrm>
            <a:off x="5928421" y="3969891"/>
            <a:ext cx="2313418" cy="888536"/>
            <a:chOff x="8986673" y="4774543"/>
            <a:chExt cx="2313418" cy="888536"/>
          </a:xfrm>
        </p:grpSpPr>
        <p:sp>
          <p:nvSpPr>
            <p:cNvPr id="64" name="Rectangle 63">
              <a:extLst>
                <a:ext uri="{FF2B5EF4-FFF2-40B4-BE49-F238E27FC236}">
                  <a16:creationId xmlns:a16="http://schemas.microsoft.com/office/drawing/2014/main" id="{EEA8B960-8CCD-DFFD-D361-64B678F05815}"/>
                </a:ext>
              </a:extLst>
            </p:cNvPr>
            <p:cNvSpPr/>
            <p:nvPr/>
          </p:nvSpPr>
          <p:spPr>
            <a:xfrm>
              <a:off x="9168297" y="5327844"/>
              <a:ext cx="1933563" cy="28179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500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65" name="Straight Connector 64">
              <a:extLst>
                <a:ext uri="{FF2B5EF4-FFF2-40B4-BE49-F238E27FC236}">
                  <a16:creationId xmlns:a16="http://schemas.microsoft.com/office/drawing/2014/main" id="{4634E3CD-5F0C-6052-2443-B571128005C4}"/>
                </a:ext>
              </a:extLst>
            </p:cNvPr>
            <p:cNvCxnSpPr>
              <a:cxnSpLocks/>
            </p:cNvCxnSpPr>
            <p:nvPr/>
          </p:nvCxnSpPr>
          <p:spPr>
            <a:xfrm>
              <a:off x="8986673" y="5652283"/>
              <a:ext cx="2313418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Straight Connector 65">
              <a:extLst>
                <a:ext uri="{FF2B5EF4-FFF2-40B4-BE49-F238E27FC236}">
                  <a16:creationId xmlns:a16="http://schemas.microsoft.com/office/drawing/2014/main" id="{DB96E6CB-6CC6-95BF-89A0-9BEC7629CFD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86673" y="5285179"/>
              <a:ext cx="1087512" cy="719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1D89D0A-62FE-361F-0CFE-160454BC2C66}"/>
                </a:ext>
              </a:extLst>
            </p:cNvPr>
            <p:cNvCxnSpPr>
              <a:cxnSpLocks/>
            </p:cNvCxnSpPr>
            <p:nvPr/>
          </p:nvCxnSpPr>
          <p:spPr>
            <a:xfrm>
              <a:off x="9000115" y="5275011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>
              <a:extLst>
                <a:ext uri="{FF2B5EF4-FFF2-40B4-BE49-F238E27FC236}">
                  <a16:creationId xmlns:a16="http://schemas.microsoft.com/office/drawing/2014/main" id="{C9DD78F3-8A96-1DB6-775E-225F18A5D64D}"/>
                </a:ext>
              </a:extLst>
            </p:cNvPr>
            <p:cNvCxnSpPr>
              <a:cxnSpLocks/>
            </p:cNvCxnSpPr>
            <p:nvPr/>
          </p:nvCxnSpPr>
          <p:spPr>
            <a:xfrm>
              <a:off x="10211734" y="5282472"/>
              <a:ext cx="1088355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>
              <a:extLst>
                <a:ext uri="{FF2B5EF4-FFF2-40B4-BE49-F238E27FC236}">
                  <a16:creationId xmlns:a16="http://schemas.microsoft.com/office/drawing/2014/main" id="{0A1A9ECD-CA35-5F44-6D3B-2271DE3CA13E}"/>
                </a:ext>
              </a:extLst>
            </p:cNvPr>
            <p:cNvCxnSpPr>
              <a:cxnSpLocks/>
            </p:cNvCxnSpPr>
            <p:nvPr/>
          </p:nvCxnSpPr>
          <p:spPr>
            <a:xfrm>
              <a:off x="11285766" y="5268413"/>
              <a:ext cx="0" cy="3880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8ECE2767-29DF-2306-F36D-4194D7C3A645}"/>
                </a:ext>
              </a:extLst>
            </p:cNvPr>
            <p:cNvCxnSpPr>
              <a:cxnSpLocks/>
            </p:cNvCxnSpPr>
            <p:nvPr/>
          </p:nvCxnSpPr>
          <p:spPr>
            <a:xfrm>
              <a:off x="10062857" y="4777720"/>
              <a:ext cx="0" cy="51419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Straight Connector 70">
              <a:extLst>
                <a:ext uri="{FF2B5EF4-FFF2-40B4-BE49-F238E27FC236}">
                  <a16:creationId xmlns:a16="http://schemas.microsoft.com/office/drawing/2014/main" id="{DCA5350B-8726-6ABD-833A-C00E954E1CBB}"/>
                </a:ext>
              </a:extLst>
            </p:cNvPr>
            <p:cNvCxnSpPr>
              <a:cxnSpLocks/>
            </p:cNvCxnSpPr>
            <p:nvPr/>
          </p:nvCxnSpPr>
          <p:spPr>
            <a:xfrm>
              <a:off x="10224787" y="4774543"/>
              <a:ext cx="0" cy="516836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B69E6C3F-2863-2491-C3F8-04A2361DA79B}"/>
              </a:ext>
            </a:extLst>
          </p:cNvPr>
          <p:cNvCxnSpPr>
            <a:cxnSpLocks/>
          </p:cNvCxnSpPr>
          <p:nvPr/>
        </p:nvCxnSpPr>
        <p:spPr>
          <a:xfrm>
            <a:off x="1711959" y="4652180"/>
            <a:ext cx="6737113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TextBox 73">
            <a:extLst>
              <a:ext uri="{FF2B5EF4-FFF2-40B4-BE49-F238E27FC236}">
                <a16:creationId xmlns:a16="http://schemas.microsoft.com/office/drawing/2014/main" id="{E209E1BF-E58F-0286-4BF5-7A54A9011E5B}"/>
              </a:ext>
            </a:extLst>
          </p:cNvPr>
          <p:cNvSpPr txBox="1"/>
          <p:nvPr/>
        </p:nvSpPr>
        <p:spPr>
          <a:xfrm>
            <a:off x="10615752" y="5709053"/>
            <a:ext cx="111464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ISAC</a:t>
            </a:r>
          </a:p>
        </p:txBody>
      </p:sp>
      <p:sp>
        <p:nvSpPr>
          <p:cNvPr id="75" name="TextBox 74">
            <a:extLst>
              <a:ext uri="{FF2B5EF4-FFF2-40B4-BE49-F238E27FC236}">
                <a16:creationId xmlns:a16="http://schemas.microsoft.com/office/drawing/2014/main" id="{347250EF-C258-B42F-CA53-F256E64E8AE3}"/>
              </a:ext>
            </a:extLst>
          </p:cNvPr>
          <p:cNvSpPr txBox="1"/>
          <p:nvPr/>
        </p:nvSpPr>
        <p:spPr>
          <a:xfrm>
            <a:off x="6324260" y="4868377"/>
            <a:ext cx="179179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ARIEL - APTW</a:t>
            </a:r>
          </a:p>
        </p:txBody>
      </p:sp>
      <p:sp>
        <p:nvSpPr>
          <p:cNvPr id="76" name="Rectangle 75">
            <a:extLst>
              <a:ext uri="{FF2B5EF4-FFF2-40B4-BE49-F238E27FC236}">
                <a16:creationId xmlns:a16="http://schemas.microsoft.com/office/drawing/2014/main" id="{27614093-6941-1261-0CE4-AF848E482B3E}"/>
              </a:ext>
            </a:extLst>
          </p:cNvPr>
          <p:cNvSpPr/>
          <p:nvPr/>
        </p:nvSpPr>
        <p:spPr>
          <a:xfrm>
            <a:off x="1018529" y="3379782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80" name="Straight Arrow Connector 79">
            <a:extLst>
              <a:ext uri="{FF2B5EF4-FFF2-40B4-BE49-F238E27FC236}">
                <a16:creationId xmlns:a16="http://schemas.microsoft.com/office/drawing/2014/main" id="{45CCA7AB-7857-D5F7-70A4-1FAB42789808}"/>
              </a:ext>
            </a:extLst>
          </p:cNvPr>
          <p:cNvCxnSpPr>
            <a:cxnSpLocks/>
          </p:cNvCxnSpPr>
          <p:nvPr/>
        </p:nvCxnSpPr>
        <p:spPr>
          <a:xfrm>
            <a:off x="1519458" y="3529901"/>
            <a:ext cx="3380055" cy="6983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TextBox 82">
            <a:extLst>
              <a:ext uri="{FF2B5EF4-FFF2-40B4-BE49-F238E27FC236}">
                <a16:creationId xmlns:a16="http://schemas.microsoft.com/office/drawing/2014/main" id="{10308953-5C03-A458-C2E9-F8A41EAA4CEF}"/>
              </a:ext>
            </a:extLst>
          </p:cNvPr>
          <p:cNvSpPr txBox="1"/>
          <p:nvPr/>
        </p:nvSpPr>
        <p:spPr>
          <a:xfrm>
            <a:off x="3174189" y="3783395"/>
            <a:ext cx="179179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ARIEL - AETE</a:t>
            </a:r>
          </a:p>
        </p:txBody>
      </p:sp>
      <p:sp>
        <p:nvSpPr>
          <p:cNvPr id="94" name="Content Placeholder 4">
            <a:extLst>
              <a:ext uri="{FF2B5EF4-FFF2-40B4-BE49-F238E27FC236}">
                <a16:creationId xmlns:a16="http://schemas.microsoft.com/office/drawing/2014/main" id="{B9E057AD-F73E-FA6A-DF52-6E108122CE30}"/>
              </a:ext>
            </a:extLst>
          </p:cNvPr>
          <p:cNvSpPr txBox="1">
            <a:spLocks/>
          </p:cNvSpPr>
          <p:nvPr/>
        </p:nvSpPr>
        <p:spPr>
          <a:xfrm>
            <a:off x="319881" y="3645631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101" name="Straight Arrow Connector 100">
            <a:extLst>
              <a:ext uri="{FF2B5EF4-FFF2-40B4-BE49-F238E27FC236}">
                <a16:creationId xmlns:a16="http://schemas.microsoft.com/office/drawing/2014/main" id="{964DDB39-C725-6B09-6467-7EEEC11E83A0}"/>
              </a:ext>
            </a:extLst>
          </p:cNvPr>
          <p:cNvCxnSpPr>
            <a:cxnSpLocks/>
          </p:cNvCxnSpPr>
          <p:nvPr/>
        </p:nvCxnSpPr>
        <p:spPr>
          <a:xfrm>
            <a:off x="1711959" y="5450095"/>
            <a:ext cx="10339143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Straight Arrow Connector 94">
            <a:extLst>
              <a:ext uri="{FF2B5EF4-FFF2-40B4-BE49-F238E27FC236}">
                <a16:creationId xmlns:a16="http://schemas.microsoft.com/office/drawing/2014/main" id="{1B666A68-01F9-4731-F717-D9D5EF107C14}"/>
              </a:ext>
            </a:extLst>
          </p:cNvPr>
          <p:cNvCxnSpPr>
            <a:cxnSpLocks/>
          </p:cNvCxnSpPr>
          <p:nvPr/>
        </p:nvCxnSpPr>
        <p:spPr>
          <a:xfrm flipV="1">
            <a:off x="3905984" y="1310326"/>
            <a:ext cx="0" cy="1863300"/>
          </a:xfrm>
          <a:prstGeom prst="straightConnector1">
            <a:avLst/>
          </a:prstGeom>
          <a:ln w="28575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Straight Arrow Connector 96">
            <a:extLst>
              <a:ext uri="{FF2B5EF4-FFF2-40B4-BE49-F238E27FC236}">
                <a16:creationId xmlns:a16="http://schemas.microsoft.com/office/drawing/2014/main" id="{3CB9C2B5-9D73-BF60-32E9-8AE7D7B98C7D}"/>
              </a:ext>
            </a:extLst>
          </p:cNvPr>
          <p:cNvCxnSpPr>
            <a:cxnSpLocks/>
          </p:cNvCxnSpPr>
          <p:nvPr/>
        </p:nvCxnSpPr>
        <p:spPr>
          <a:xfrm flipH="1" flipV="1">
            <a:off x="7076829" y="1310326"/>
            <a:ext cx="8303" cy="2951463"/>
          </a:xfrm>
          <a:prstGeom prst="straightConnector1">
            <a:avLst/>
          </a:prstGeom>
          <a:ln w="28575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Straight Arrow Connector 195">
            <a:extLst>
              <a:ext uri="{FF2B5EF4-FFF2-40B4-BE49-F238E27FC236}">
                <a16:creationId xmlns:a16="http://schemas.microsoft.com/office/drawing/2014/main" id="{71950D01-60C0-6A2C-4904-9CF113610053}"/>
              </a:ext>
            </a:extLst>
          </p:cNvPr>
          <p:cNvCxnSpPr>
            <a:cxnSpLocks/>
          </p:cNvCxnSpPr>
          <p:nvPr/>
        </p:nvCxnSpPr>
        <p:spPr>
          <a:xfrm flipV="1">
            <a:off x="10935188" y="1310326"/>
            <a:ext cx="0" cy="3838537"/>
          </a:xfrm>
          <a:prstGeom prst="straightConnector1">
            <a:avLst/>
          </a:prstGeom>
          <a:ln w="28575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53F65099-F163-EDDD-4FE6-7C041EBA9139}"/>
              </a:ext>
            </a:extLst>
          </p:cNvPr>
          <p:cNvSpPr txBox="1"/>
          <p:nvPr/>
        </p:nvSpPr>
        <p:spPr>
          <a:xfrm>
            <a:off x="8449072" y="1880251"/>
            <a:ext cx="6185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>
                <a:latin typeface="+mj-lt"/>
                <a:cs typeface="Times New Roman" panose="02020603050405020304" pitchFamily="18" charset="0"/>
              </a:rPr>
              <a:t>x</a:t>
            </a:r>
            <a:r>
              <a:rPr lang="en-CA" sz="500">
                <a:latin typeface="+mj-lt"/>
                <a:cs typeface="Times New Roman" panose="02020603050405020304" pitchFamily="18" charset="0"/>
              </a:rPr>
              <a:t> </a:t>
            </a:r>
            <a:r>
              <a:rPr lang="en-CA">
                <a:latin typeface="+mj-lt"/>
                <a:cs typeface="Times New Roman" panose="02020603050405020304" pitchFamily="18" charset="0"/>
              </a:rPr>
              <a:t>2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06407431-A666-A269-C060-CDC081CF868B}"/>
              </a:ext>
            </a:extLst>
          </p:cNvPr>
          <p:cNvGrpSpPr/>
          <p:nvPr/>
        </p:nvGrpSpPr>
        <p:grpSpPr>
          <a:xfrm>
            <a:off x="5593292" y="1986765"/>
            <a:ext cx="520345" cy="1828059"/>
            <a:chOff x="6014261" y="4532895"/>
            <a:chExt cx="806372" cy="1828059"/>
          </a:xfrm>
        </p:grpSpPr>
        <p:sp>
          <p:nvSpPr>
            <p:cNvPr id="5" name="object 57">
              <a:extLst>
                <a:ext uri="{FF2B5EF4-FFF2-40B4-BE49-F238E27FC236}">
                  <a16:creationId xmlns:a16="http://schemas.microsoft.com/office/drawing/2014/main" id="{8E52E8E5-CD62-C195-9D13-40B5BD2D0C1F}"/>
                </a:ext>
              </a:extLst>
            </p:cNvPr>
            <p:cNvSpPr/>
            <p:nvPr/>
          </p:nvSpPr>
          <p:spPr>
            <a:xfrm>
              <a:off x="6022851" y="4532895"/>
              <a:ext cx="797782" cy="1828059"/>
            </a:xfrm>
            <a:custGeom>
              <a:avLst/>
              <a:gdLst/>
              <a:ahLst/>
              <a:cxnLst/>
              <a:rect l="l" t="t" r="r" b="b"/>
              <a:pathLst>
                <a:path w="124459" h="413385">
                  <a:moveTo>
                    <a:pt x="122810" y="0"/>
                  </a:moveTo>
                  <a:lnTo>
                    <a:pt x="0" y="99697"/>
                  </a:lnTo>
                  <a:lnTo>
                    <a:pt x="584" y="314317"/>
                  </a:lnTo>
                  <a:lnTo>
                    <a:pt x="123938" y="413346"/>
                  </a:lnTo>
                  <a:lnTo>
                    <a:pt x="122810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" name="object 159">
              <a:extLst>
                <a:ext uri="{FF2B5EF4-FFF2-40B4-BE49-F238E27FC236}">
                  <a16:creationId xmlns:a16="http://schemas.microsoft.com/office/drawing/2014/main" id="{1B889E3D-B179-5F4A-2020-A9E0DE814E2B}"/>
                </a:ext>
              </a:extLst>
            </p:cNvPr>
            <p:cNvSpPr txBox="1"/>
            <p:nvPr/>
          </p:nvSpPr>
          <p:spPr>
            <a:xfrm rot="21420000">
              <a:off x="6014261" y="4571283"/>
              <a:ext cx="252232" cy="23403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795"/>
                </a:lnSpc>
              </a:pPr>
              <a:r>
                <a:rPr sz="1800" spc="25">
                  <a:solidFill>
                    <a:srgbClr val="00B050"/>
                  </a:solidFill>
                  <a:cs typeface="Calibri"/>
                </a:rPr>
                <a:t>γ</a:t>
              </a:r>
              <a:endParaRPr sz="1800">
                <a:solidFill>
                  <a:srgbClr val="00B050"/>
                </a:solidFill>
                <a:cs typeface="Calibri"/>
              </a:endParaRP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58C7A3B8-B784-9CAC-AFDA-4D27A00D92E8}"/>
              </a:ext>
            </a:extLst>
          </p:cNvPr>
          <p:cNvGrpSpPr/>
          <p:nvPr/>
        </p:nvGrpSpPr>
        <p:grpSpPr>
          <a:xfrm>
            <a:off x="4968110" y="2556430"/>
            <a:ext cx="1431726" cy="1548805"/>
            <a:chOff x="5389079" y="5102560"/>
            <a:chExt cx="1431726" cy="1548805"/>
          </a:xfrm>
        </p:grpSpPr>
        <p:sp>
          <p:nvSpPr>
            <p:cNvPr id="9" name="object 142">
              <a:extLst>
                <a:ext uri="{FF2B5EF4-FFF2-40B4-BE49-F238E27FC236}">
                  <a16:creationId xmlns:a16="http://schemas.microsoft.com/office/drawing/2014/main" id="{90B118E1-3C42-3715-1683-F606707B9F74}"/>
                </a:ext>
              </a:extLst>
            </p:cNvPr>
            <p:cNvSpPr/>
            <p:nvPr/>
          </p:nvSpPr>
          <p:spPr>
            <a:xfrm>
              <a:off x="5871651" y="5111664"/>
              <a:ext cx="155955" cy="677820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1" name="Straight Arrow Connector 10">
              <a:extLst>
                <a:ext uri="{FF2B5EF4-FFF2-40B4-BE49-F238E27FC236}">
                  <a16:creationId xmlns:a16="http://schemas.microsoft.com/office/drawing/2014/main" id="{E1866042-ABEC-88EF-C4B4-D31E3608D98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430396" y="5449033"/>
              <a:ext cx="401855" cy="2752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70037F60-6E49-357D-A087-C3E796D98F53}"/>
                </a:ext>
              </a:extLst>
            </p:cNvPr>
            <p:cNvSpPr txBox="1"/>
            <p:nvPr/>
          </p:nvSpPr>
          <p:spPr>
            <a:xfrm>
              <a:off x="5389079" y="5102560"/>
              <a:ext cx="637756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0D7A9FAB-83DD-B52D-A132-5C6A9F9E156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885337" y="5774913"/>
              <a:ext cx="59036" cy="586041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D2EB8989-0E82-F1A1-7ACB-B11047EE1459}"/>
                </a:ext>
              </a:extLst>
            </p:cNvPr>
            <p:cNvSpPr txBox="1"/>
            <p:nvPr/>
          </p:nvSpPr>
          <p:spPr>
            <a:xfrm>
              <a:off x="5390572" y="6343588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Converter</a:t>
              </a:r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EE6B018F-1316-A021-E381-BE81128AEA49}"/>
              </a:ext>
            </a:extLst>
          </p:cNvPr>
          <p:cNvGrpSpPr/>
          <p:nvPr/>
        </p:nvGrpSpPr>
        <p:grpSpPr>
          <a:xfrm>
            <a:off x="5710578" y="1721807"/>
            <a:ext cx="1663001" cy="2390146"/>
            <a:chOff x="6388722" y="4267937"/>
            <a:chExt cx="1663001" cy="2390146"/>
          </a:xfrm>
        </p:grpSpPr>
        <p:sp>
          <p:nvSpPr>
            <p:cNvPr id="16" name="object 138">
              <a:extLst>
                <a:ext uri="{FF2B5EF4-FFF2-40B4-BE49-F238E27FC236}">
                  <a16:creationId xmlns:a16="http://schemas.microsoft.com/office/drawing/2014/main" id="{CFC75BEF-D49B-120E-2107-C76298291C45}"/>
                </a:ext>
              </a:extLst>
            </p:cNvPr>
            <p:cNvSpPr/>
            <p:nvPr/>
          </p:nvSpPr>
          <p:spPr>
            <a:xfrm>
              <a:off x="6388722" y="5168019"/>
              <a:ext cx="595816" cy="569666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7" name="object 142">
              <a:extLst>
                <a:ext uri="{FF2B5EF4-FFF2-40B4-BE49-F238E27FC236}">
                  <a16:creationId xmlns:a16="http://schemas.microsoft.com/office/drawing/2014/main" id="{9C0575A2-BADF-98C7-7767-A85EA2A81E4F}"/>
                </a:ext>
              </a:extLst>
            </p:cNvPr>
            <p:cNvSpPr/>
            <p:nvPr/>
          </p:nvSpPr>
          <p:spPr>
            <a:xfrm>
              <a:off x="6899111" y="4835108"/>
              <a:ext cx="133727" cy="724408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8" name="Straight Arrow Connector 17">
              <a:extLst>
                <a:ext uri="{FF2B5EF4-FFF2-40B4-BE49-F238E27FC236}">
                  <a16:creationId xmlns:a16="http://schemas.microsoft.com/office/drawing/2014/main" id="{E848509C-4003-201E-E98B-CA15EF8EC7A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960408" y="4267937"/>
              <a:ext cx="0" cy="569225"/>
            </a:xfrm>
            <a:prstGeom prst="straightConnector1">
              <a:avLst/>
            </a:prstGeom>
            <a:ln w="285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9B33326E-2771-A443-13B6-2D0179D03025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896685" y="5644935"/>
              <a:ext cx="63723" cy="724408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AA653A08-A81C-5A59-0261-0D8105869795}"/>
                </a:ext>
              </a:extLst>
            </p:cNvPr>
            <p:cNvSpPr txBox="1"/>
            <p:nvPr/>
          </p:nvSpPr>
          <p:spPr>
            <a:xfrm>
              <a:off x="6621490" y="6350306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Target</a:t>
              </a:r>
            </a:p>
          </p:txBody>
        </p: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393F5810-0186-9397-A056-B870FC8FEDE4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032139" y="5226756"/>
              <a:ext cx="126911" cy="362173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1AA4FA25-D37B-6A78-4572-09D5A7C17741}"/>
                </a:ext>
              </a:extLst>
            </p:cNvPr>
            <p:cNvSpPr txBox="1"/>
            <p:nvPr/>
          </p:nvSpPr>
          <p:spPr>
            <a:xfrm>
              <a:off x="6992369" y="5502486"/>
              <a:ext cx="792547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 dirty="0"/>
                <a:t>Ion Sourc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7115409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5" grpId="0"/>
      <p:bldP spid="76" grpId="0" animBg="1"/>
      <p:bldP spid="83" grpId="0"/>
      <p:bldP spid="94" grpId="0"/>
      <p:bldP spid="2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13C95BBD-26CA-0E3D-4A04-7E4EAE37D01A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B6980056-EB17-C016-C5B0-AE900DA8B5E6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A2ABE0BD-377F-F6C9-0427-3243810249C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327AD36C-33AE-5BD1-E006-0D0FA142A9F5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Box 75">
            <a:extLst>
              <a:ext uri="{FF2B5EF4-FFF2-40B4-BE49-F238E27FC236}">
                <a16:creationId xmlns:a16="http://schemas.microsoft.com/office/drawing/2014/main" id="{3BA3EFE2-06A6-7D7B-7DC7-B0A5220037F7}"/>
              </a:ext>
            </a:extLst>
          </p:cNvPr>
          <p:cNvSpPr txBox="1"/>
          <p:nvPr/>
        </p:nvSpPr>
        <p:spPr>
          <a:xfrm>
            <a:off x="6791168" y="5969937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1A</a:t>
            </a:r>
            <a:endParaRPr lang="en-CA"/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CDA3A0E-B74D-4DDE-06C7-D0BA78CDDB1E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757147D-F0DA-90FE-C580-78CCAC59BDC2}"/>
              </a:ext>
            </a:extLst>
          </p:cNvPr>
          <p:cNvCxnSpPr>
            <a:cxnSpLocks/>
          </p:cNvCxnSpPr>
          <p:nvPr/>
        </p:nvCxnSpPr>
        <p:spPr>
          <a:xfrm flipV="1">
            <a:off x="5246714" y="4040152"/>
            <a:ext cx="759729" cy="123844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63ACA56F-2527-2273-4F55-6EF023396593}"/>
              </a:ext>
            </a:extLst>
          </p:cNvPr>
          <p:cNvSpPr/>
          <p:nvPr/>
        </p:nvSpPr>
        <p:spPr>
          <a:xfrm>
            <a:off x="5948950" y="3537291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PIF</a:t>
            </a:r>
            <a:endParaRPr lang="en-CA" sz="1588"/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C696BB3E-6EE8-67F7-7388-CEB9F4ABD669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sp>
        <p:nvSpPr>
          <p:cNvPr id="81" name="TextBox 80">
            <a:extLst>
              <a:ext uri="{FF2B5EF4-FFF2-40B4-BE49-F238E27FC236}">
                <a16:creationId xmlns:a16="http://schemas.microsoft.com/office/drawing/2014/main" id="{2236985B-4307-BA44-8A3D-634807B464EB}"/>
              </a:ext>
            </a:extLst>
          </p:cNvPr>
          <p:cNvSpPr txBox="1"/>
          <p:nvPr/>
        </p:nvSpPr>
        <p:spPr>
          <a:xfrm>
            <a:off x="4688028" y="5240805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C</a:t>
            </a:r>
            <a:endParaRPr lang="en-CA"/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6797E00-7C1B-168D-1690-1D9EBFB4ABE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705357" y="205595"/>
            <a:ext cx="10450005" cy="606574"/>
          </a:xfrm>
        </p:spPr>
        <p:txBody>
          <a:bodyPr/>
          <a:lstStyle/>
          <a:p>
            <a:r>
              <a:rPr lang="en-US"/>
              <a:t>RIBs from electrons: How?</a:t>
            </a:r>
            <a:endParaRPr lang="en-CA"/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17E5793E-AD53-B45D-A25E-A55EC8AF02A6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6431EC47-D868-511E-CCD8-4540CDD9AF6E}"/>
              </a:ext>
            </a:extLst>
          </p:cNvPr>
          <p:cNvCxnSpPr>
            <a:cxnSpLocks/>
          </p:cNvCxnSpPr>
          <p:nvPr/>
        </p:nvCxnSpPr>
        <p:spPr>
          <a:xfrm>
            <a:off x="4038692" y="5964743"/>
            <a:ext cx="7955254" cy="5194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55B24B03-2513-B032-9849-53162FEF8F1B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F80530F3-41A3-17AD-DD85-285B60A59693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B0A80DF7-71EC-9AE7-C82F-DC8BDBEE3B29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B026E94D-2282-0C42-7428-7C9887279BAE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B66457BF-3481-C5C1-9E7F-B454988D6463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11E8C86D-8826-820B-62BF-8929246D7B25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9B28320-9FCD-2752-CD9F-68D0467424A4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: Rounded Corners 24">
            <a:extLst>
              <a:ext uri="{FF2B5EF4-FFF2-40B4-BE49-F238E27FC236}">
                <a16:creationId xmlns:a16="http://schemas.microsoft.com/office/drawing/2014/main" id="{041B302A-6D6C-191E-EDDA-5DC077324494}"/>
              </a:ext>
            </a:extLst>
          </p:cNvPr>
          <p:cNvSpPr/>
          <p:nvPr/>
        </p:nvSpPr>
        <p:spPr>
          <a:xfrm>
            <a:off x="5819454" y="3305187"/>
            <a:ext cx="3341775" cy="105446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r>
              <a:rPr lang="en-US" sz="1411">
                <a:solidFill>
                  <a:srgbClr val="002060"/>
                </a:solidFill>
              </a:rPr>
              <a:t>120 MeV – 10 </a:t>
            </a:r>
            <a:r>
              <a:rPr lang="en-US" sz="1411" err="1">
                <a:solidFill>
                  <a:srgbClr val="002060"/>
                </a:solidFill>
              </a:rPr>
              <a:t>nA</a:t>
            </a:r>
            <a:endParaRPr lang="en-US" sz="1411">
              <a:solidFill>
                <a:srgbClr val="002060"/>
              </a:solidFill>
            </a:endParaRPr>
          </a:p>
          <a:p>
            <a:pPr algn="r"/>
            <a:r>
              <a:rPr lang="en-US" sz="1411">
                <a:solidFill>
                  <a:srgbClr val="002060"/>
                </a:solidFill>
              </a:rPr>
              <a:t>Electronics irradiations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Proton FLASH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Ocular melanoma treatments (-2019)</a:t>
            </a:r>
          </a:p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61228EFA-6B4F-E4C3-A122-3A73D6ADFA28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grpSp>
        <p:nvGrpSpPr>
          <p:cNvPr id="80" name="Group 79">
            <a:extLst>
              <a:ext uri="{FF2B5EF4-FFF2-40B4-BE49-F238E27FC236}">
                <a16:creationId xmlns:a16="http://schemas.microsoft.com/office/drawing/2014/main" id="{C078EADB-807C-7E7E-40F7-7FE5E27C2011}"/>
              </a:ext>
            </a:extLst>
          </p:cNvPr>
          <p:cNvGrpSpPr/>
          <p:nvPr/>
        </p:nvGrpSpPr>
        <p:grpSpPr>
          <a:xfrm>
            <a:off x="9909989" y="1140824"/>
            <a:ext cx="2064687" cy="2845252"/>
            <a:chOff x="9220010" y="1211378"/>
            <a:chExt cx="2064687" cy="2845252"/>
          </a:xfrm>
        </p:grpSpPr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91D8C8E5-62DE-AD11-EE55-81B449BCA445}"/>
                </a:ext>
              </a:extLst>
            </p:cNvPr>
            <p:cNvSpPr/>
            <p:nvPr/>
          </p:nvSpPr>
          <p:spPr>
            <a:xfrm>
              <a:off x="9220010" y="1211378"/>
              <a:ext cx="2064687" cy="2845252"/>
            </a:xfrm>
            <a:prstGeom prst="roundRect">
              <a:avLst>
                <a:gd name="adj" fmla="val 6373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/>
              <a:endParaRPr lang="en-CA" sz="1588">
                <a:solidFill>
                  <a:srgbClr val="002060"/>
                </a:solidFill>
              </a:endParaRPr>
            </a:p>
          </p:txBody>
        </p:sp>
        <p:pic>
          <p:nvPicPr>
            <p:cNvPr id="30" name="Picture 29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930FF7A0-8D28-276F-EEA3-55397F9C9C0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1734457"/>
              <a:ext cx="365763" cy="338054"/>
            </a:xfrm>
            <a:prstGeom prst="rect">
              <a:avLst/>
            </a:prstGeom>
          </p:spPr>
        </p:pic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0C9DD87E-795E-FAB4-B4ED-015EFC17C640}"/>
                </a:ext>
              </a:extLst>
            </p:cNvPr>
            <p:cNvSpPr txBox="1"/>
            <p:nvPr/>
          </p:nvSpPr>
          <p:spPr>
            <a:xfrm>
              <a:off x="9833705" y="1712197"/>
              <a:ext cx="945030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13</a:t>
              </a:r>
            </a:p>
          </p:txBody>
        </p:sp>
        <p:pic>
          <p:nvPicPr>
            <p:cNvPr id="32" name="Picture 31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B9213F69-E0DC-C1E7-3CFE-16A5C9CC213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2184119"/>
              <a:ext cx="365763" cy="338054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C9514F8D-2DCB-B1F6-D395-FE0410ACF11C}"/>
                </a:ext>
              </a:extLst>
            </p:cNvPr>
            <p:cNvSpPr txBox="1"/>
            <p:nvPr/>
          </p:nvSpPr>
          <p:spPr>
            <a:xfrm>
              <a:off x="9830721" y="2178723"/>
              <a:ext cx="1097611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1</a:t>
              </a:r>
            </a:p>
          </p:txBody>
        </p:sp>
        <p:pic>
          <p:nvPicPr>
            <p:cNvPr id="34" name="Picture 33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8421754B-77AC-2EAF-A42B-FDF77627968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2659343"/>
              <a:ext cx="365763" cy="338054"/>
            </a:xfrm>
            <a:prstGeom prst="rect">
              <a:avLst/>
            </a:prstGeom>
          </p:spPr>
        </p:pic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04FC61E2-CD68-AD05-3457-05C668BE14AF}"/>
                </a:ext>
              </a:extLst>
            </p:cNvPr>
            <p:cNvSpPr txBox="1"/>
            <p:nvPr/>
          </p:nvSpPr>
          <p:spPr>
            <a:xfrm>
              <a:off x="9833706" y="2653947"/>
              <a:ext cx="1201097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2</a:t>
              </a:r>
            </a:p>
          </p:txBody>
        </p:sp>
        <p:pic>
          <p:nvPicPr>
            <p:cNvPr id="36" name="Picture 35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E77AF32B-74CF-F437-7C85-19E986C905C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3129697"/>
              <a:ext cx="365763" cy="338054"/>
            </a:xfrm>
            <a:prstGeom prst="rect">
              <a:avLst/>
            </a:prstGeom>
          </p:spPr>
        </p:pic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9CD433BB-61F2-0C92-595F-D944633E0D3D}"/>
                </a:ext>
              </a:extLst>
            </p:cNvPr>
            <p:cNvSpPr txBox="1"/>
            <p:nvPr/>
          </p:nvSpPr>
          <p:spPr>
            <a:xfrm>
              <a:off x="9842584" y="3124301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CP: 42</a:t>
              </a:r>
            </a:p>
          </p:txBody>
        </p:sp>
        <p:pic>
          <p:nvPicPr>
            <p:cNvPr id="83" name="Picture 82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E6C120C4-1651-D993-7367-A340EF49D20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3593313"/>
              <a:ext cx="365763" cy="338054"/>
            </a:xfrm>
            <a:prstGeom prst="rect">
              <a:avLst/>
            </a:prstGeom>
          </p:spPr>
        </p:pic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303833BF-B5DE-C799-2755-60DCB7EC5304}"/>
                </a:ext>
              </a:extLst>
            </p:cNvPr>
            <p:cNvSpPr txBox="1"/>
            <p:nvPr/>
          </p:nvSpPr>
          <p:spPr>
            <a:xfrm>
              <a:off x="9848453" y="3586011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24</a:t>
              </a:r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EC7F8E08-750B-7A10-3570-075DBF93208C}"/>
                </a:ext>
              </a:extLst>
            </p:cNvPr>
            <p:cNvSpPr txBox="1"/>
            <p:nvPr/>
          </p:nvSpPr>
          <p:spPr>
            <a:xfrm>
              <a:off x="9389675" y="1292634"/>
              <a:ext cx="1768713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Medical isotopes</a:t>
              </a:r>
              <a:endParaRPr lang="en-CA" sz="1588"/>
            </a:p>
          </p:txBody>
        </p:sp>
      </p:grp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00F85BE6-2296-E020-BCB6-3BE36BC94320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88F295B6-FFBE-78A6-1670-C83F28EAB329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5E664F4D-2EED-3E02-075E-ED32032935CB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5C1B79DA-757E-DEC7-F505-0F960BC6A93E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475451D7-EB0F-2AA2-54FE-0CC24B7FCBB4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ARIEL)</a:t>
            </a:r>
            <a:endParaRPr lang="en-CA" sz="1100">
              <a:solidFill>
                <a:srgbClr val="002060"/>
              </a:solidFill>
            </a:endParaRPr>
          </a:p>
        </p:txBody>
      </p:sp>
      <p:sp>
        <p:nvSpPr>
          <p:cNvPr id="45" name="Rectangle: Rounded Corners 44">
            <a:extLst>
              <a:ext uri="{FF2B5EF4-FFF2-40B4-BE49-F238E27FC236}">
                <a16:creationId xmlns:a16="http://schemas.microsoft.com/office/drawing/2014/main" id="{999D3FD6-015A-4C41-B402-AAA3FA93D8E5}"/>
              </a:ext>
            </a:extLst>
          </p:cNvPr>
          <p:cNvSpPr/>
          <p:nvPr/>
        </p:nvSpPr>
        <p:spPr>
          <a:xfrm>
            <a:off x="9797341" y="5437284"/>
            <a:ext cx="1361047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225</a:t>
            </a:r>
            <a:r>
              <a:rPr lang="en-US" sz="1411">
                <a:solidFill>
                  <a:srgbClr val="002060"/>
                </a:solidFill>
              </a:rPr>
              <a:t>Ac </a:t>
            </a:r>
            <a:r>
              <a:rPr lang="en-US" sz="1411" i="1">
                <a:solidFill>
                  <a:srgbClr val="002060"/>
                </a:solidFill>
              </a:rPr>
              <a:t>et al</a:t>
            </a:r>
            <a:r>
              <a:rPr lang="en-US" sz="1411">
                <a:solidFill>
                  <a:srgbClr val="002060"/>
                </a:solidFill>
              </a:rPr>
              <a:t>. production</a:t>
            </a:r>
          </a:p>
        </p:txBody>
      </p:sp>
      <p:sp>
        <p:nvSpPr>
          <p:cNvPr id="46" name="Rectangle: Rounded Corners 45">
            <a:extLst>
              <a:ext uri="{FF2B5EF4-FFF2-40B4-BE49-F238E27FC236}">
                <a16:creationId xmlns:a16="http://schemas.microsoft.com/office/drawing/2014/main" id="{AC17BB31-BDB6-1D34-B29E-4F2304F4F82C}"/>
              </a:ext>
            </a:extLst>
          </p:cNvPr>
          <p:cNvSpPr/>
          <p:nvPr/>
        </p:nvSpPr>
        <p:spPr>
          <a:xfrm>
            <a:off x="9998829" y="5524637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PF</a:t>
            </a:r>
            <a:endParaRPr lang="en-CA" sz="1588"/>
          </a:p>
        </p:txBody>
      </p:sp>
      <p:sp>
        <p:nvSpPr>
          <p:cNvPr id="47" name="Rectangle: Rounded Corners 46">
            <a:extLst>
              <a:ext uri="{FF2B5EF4-FFF2-40B4-BE49-F238E27FC236}">
                <a16:creationId xmlns:a16="http://schemas.microsoft.com/office/drawing/2014/main" id="{8AA4100D-C11B-D793-BC12-9B9D57B9BAF2}"/>
              </a:ext>
            </a:extLst>
          </p:cNvPr>
          <p:cNvSpPr/>
          <p:nvPr/>
        </p:nvSpPr>
        <p:spPr>
          <a:xfrm>
            <a:off x="10728829" y="4189468"/>
            <a:ext cx="1265117" cy="1054468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Neutron Irradiations</a:t>
            </a:r>
          </a:p>
        </p:txBody>
      </p:sp>
      <p:sp>
        <p:nvSpPr>
          <p:cNvPr id="48" name="Rectangle: Rounded Corners 47">
            <a:extLst>
              <a:ext uri="{FF2B5EF4-FFF2-40B4-BE49-F238E27FC236}">
                <a16:creationId xmlns:a16="http://schemas.microsoft.com/office/drawing/2014/main" id="{406E78D1-24CB-940F-F751-5C072FB4DDA9}"/>
              </a:ext>
            </a:extLst>
          </p:cNvPr>
          <p:cNvSpPr/>
          <p:nvPr/>
        </p:nvSpPr>
        <p:spPr>
          <a:xfrm>
            <a:off x="10973794" y="4228905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NIF</a:t>
            </a:r>
            <a:endParaRPr lang="en-CA" sz="1588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B85A7BCA-C082-F59C-AF69-F62BA884BFE6}"/>
              </a:ext>
            </a:extLst>
          </p:cNvPr>
          <p:cNvSpPr/>
          <p:nvPr/>
        </p:nvSpPr>
        <p:spPr>
          <a:xfrm>
            <a:off x="11324857" y="5865229"/>
            <a:ext cx="343400" cy="209417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3400B4CE-4970-725F-57A6-C94AA4F1C9F1}"/>
              </a:ext>
            </a:extLst>
          </p:cNvPr>
          <p:cNvCxnSpPr>
            <a:cxnSpLocks/>
            <a:endCxn id="49" idx="0"/>
          </p:cNvCxnSpPr>
          <p:nvPr/>
        </p:nvCxnSpPr>
        <p:spPr>
          <a:xfrm>
            <a:off x="11490325" y="5243936"/>
            <a:ext cx="6232" cy="621293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19F4B60F-271A-C98A-21C0-F4197D2F0FB0}"/>
              </a:ext>
            </a:extLst>
          </p:cNvPr>
          <p:cNvCxnSpPr>
            <a:cxnSpLocks/>
          </p:cNvCxnSpPr>
          <p:nvPr/>
        </p:nvCxnSpPr>
        <p:spPr>
          <a:xfrm>
            <a:off x="11553018" y="5243936"/>
            <a:ext cx="0" cy="622174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7EECCA11-55C5-3D38-F862-BB29569A74A1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A2D643CD-B8C7-F7BC-DDAA-74242B4FACC8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21B7FB8F-B7FC-92EE-ED8E-B46CBC5AAA57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8BE2C660-F9E2-39B5-5552-49729049A405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F7BA012E-7109-AA50-EE41-B27B22F9BE54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ISAC)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204B1C1E-7B65-9930-9133-9A4BFE6035E7}"/>
              </a:ext>
            </a:extLst>
          </p:cNvPr>
          <p:cNvSpPr/>
          <p:nvPr/>
        </p:nvSpPr>
        <p:spPr>
          <a:xfrm>
            <a:off x="5464866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F665FB33-76F1-1DB4-8FAA-7D1375B06E4B}"/>
              </a:ext>
            </a:extLst>
          </p:cNvPr>
          <p:cNvSpPr txBox="1"/>
          <p:nvPr/>
        </p:nvSpPr>
        <p:spPr>
          <a:xfrm>
            <a:off x="5636018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B7D63095-8C49-0A3D-D221-500990AD3475}"/>
              </a:ext>
            </a:extLst>
          </p:cNvPr>
          <p:cNvSpPr/>
          <p:nvPr/>
        </p:nvSpPr>
        <p:spPr>
          <a:xfrm>
            <a:off x="5464866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9EBD9B0D-DE7E-7D92-BD1F-8C87C95D22F0}"/>
              </a:ext>
            </a:extLst>
          </p:cNvPr>
          <p:cNvSpPr txBox="1"/>
          <p:nvPr/>
        </p:nvSpPr>
        <p:spPr>
          <a:xfrm>
            <a:off x="5636018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D9681A2-A7B3-571D-017E-9EAA8C7E5329}"/>
              </a:ext>
            </a:extLst>
          </p:cNvPr>
          <p:cNvSpPr txBox="1"/>
          <p:nvPr/>
        </p:nvSpPr>
        <p:spPr>
          <a:xfrm>
            <a:off x="5636018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ARIEL ISOL targets (from 2027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46C74840-3482-7A5B-52A1-E804E1E44936}"/>
              </a:ext>
            </a:extLst>
          </p:cNvPr>
          <p:cNvSpPr/>
          <p:nvPr/>
        </p:nvSpPr>
        <p:spPr>
          <a:xfrm>
            <a:off x="5464866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A0F9F972-3C29-86EA-E305-1C66C0E93EB0}"/>
              </a:ext>
            </a:extLst>
          </p:cNvPr>
          <p:cNvSpPr/>
          <p:nvPr/>
        </p:nvSpPr>
        <p:spPr>
          <a:xfrm>
            <a:off x="8747222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1A8599FC-203D-1484-D6ED-DF9AD6D92B4D}"/>
              </a:ext>
            </a:extLst>
          </p:cNvPr>
          <p:cNvSpPr txBox="1"/>
          <p:nvPr/>
        </p:nvSpPr>
        <p:spPr>
          <a:xfrm>
            <a:off x="8918374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580D5BAF-9461-152D-3454-6CAA7FB9386F}"/>
              </a:ext>
            </a:extLst>
          </p:cNvPr>
          <p:cNvSpPr/>
          <p:nvPr/>
        </p:nvSpPr>
        <p:spPr>
          <a:xfrm>
            <a:off x="8747972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C5928C3B-2662-D473-422D-06F175A8B864}"/>
              </a:ext>
            </a:extLst>
          </p:cNvPr>
          <p:cNvSpPr txBox="1"/>
          <p:nvPr/>
        </p:nvSpPr>
        <p:spPr>
          <a:xfrm>
            <a:off x="8919124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6ECB8D42-44F4-72AB-E229-4112F3D7695C}"/>
              </a:ext>
            </a:extLst>
          </p:cNvPr>
          <p:cNvSpPr/>
          <p:nvPr/>
        </p:nvSpPr>
        <p:spPr>
          <a:xfrm>
            <a:off x="8747219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4FAE052A-557F-B246-2D1A-3F726727F05A}"/>
              </a:ext>
            </a:extLst>
          </p:cNvPr>
          <p:cNvSpPr txBox="1"/>
          <p:nvPr/>
        </p:nvSpPr>
        <p:spPr>
          <a:xfrm>
            <a:off x="8918372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B1A2A59B-462B-56A1-D669-16AD5F7B5EE6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B875A4C4-7B1B-A48C-81B5-E36C4E089D1E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D84EA8DB-39A6-437E-5487-BC6DF841108C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73F316B5-9722-A4FC-8714-2DF40BD8882E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7CD44BB8-DAE2-7F8D-0407-1302DC32435A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A2AA52F7-E9AE-95D9-141F-BBECC2D7E2C5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91658C2F-6A20-9EA9-A2AF-DE2A08A77C8D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D956E5A6-CE43-228B-5CBB-D0CB281B8258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62DD6E43-36FE-80F6-DB1F-58D11A9C65BE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A210C5A0-43D4-908D-0253-1D4D84DC0622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B6152B2-0A90-BBCA-61A6-AD10F256D9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50025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15</a:t>
            </a:fld>
            <a:endParaRPr lang="en-US"/>
          </a:p>
        </p:txBody>
      </p:sp>
      <p:sp>
        <p:nvSpPr>
          <p:cNvPr id="86" name="Freeform: Shape 85">
            <a:extLst>
              <a:ext uri="{FF2B5EF4-FFF2-40B4-BE49-F238E27FC236}">
                <a16:creationId xmlns:a16="http://schemas.microsoft.com/office/drawing/2014/main" id="{1BAC255D-D794-EB56-B388-99C3B7A6B7F7}"/>
              </a:ext>
            </a:extLst>
          </p:cNvPr>
          <p:cNvSpPr/>
          <p:nvPr/>
        </p:nvSpPr>
        <p:spPr>
          <a:xfrm>
            <a:off x="4320805" y="1101995"/>
            <a:ext cx="7871195" cy="5763384"/>
          </a:xfrm>
          <a:custGeom>
            <a:avLst/>
            <a:gdLst>
              <a:gd name="connsiteX0" fmla="*/ 0 w 7896391"/>
              <a:gd name="connsiteY0" fmla="*/ 4718862 h 5673754"/>
              <a:gd name="connsiteX1" fmla="*/ 454741 w 7896391"/>
              <a:gd name="connsiteY1" fmla="*/ 4718862 h 5673754"/>
              <a:gd name="connsiteX2" fmla="*/ 454741 w 7896391"/>
              <a:gd name="connsiteY2" fmla="*/ 4833561 h 5673754"/>
              <a:gd name="connsiteX3" fmla="*/ 0 w 7896391"/>
              <a:gd name="connsiteY3" fmla="*/ 4833561 h 5673754"/>
              <a:gd name="connsiteX4" fmla="*/ 334582 w 7896391"/>
              <a:gd name="connsiteY4" fmla="*/ 4065206 h 5673754"/>
              <a:gd name="connsiteX5" fmla="*/ 454742 w 7896391"/>
              <a:gd name="connsiteY5" fmla="*/ 4065206 h 5673754"/>
              <a:gd name="connsiteX6" fmla="*/ 454742 w 7896391"/>
              <a:gd name="connsiteY6" fmla="*/ 4110925 h 5673754"/>
              <a:gd name="connsiteX7" fmla="*/ 334582 w 7896391"/>
              <a:gd name="connsiteY7" fmla="*/ 4110925 h 5673754"/>
              <a:gd name="connsiteX8" fmla="*/ 455201 w 7896391"/>
              <a:gd name="connsiteY8" fmla="*/ 3622668 h 5673754"/>
              <a:gd name="connsiteX9" fmla="*/ 1203503 w 7896391"/>
              <a:gd name="connsiteY9" fmla="*/ 3622668 h 5673754"/>
              <a:gd name="connsiteX10" fmla="*/ 1203503 w 7896391"/>
              <a:gd name="connsiteY10" fmla="*/ 4861113 h 5673754"/>
              <a:gd name="connsiteX11" fmla="*/ 455201 w 7896391"/>
              <a:gd name="connsiteY11" fmla="*/ 4861113 h 5673754"/>
              <a:gd name="connsiteX12" fmla="*/ 2900476 w 7896391"/>
              <a:gd name="connsiteY12" fmla="*/ 0 h 5673754"/>
              <a:gd name="connsiteX13" fmla="*/ 7896391 w 7896391"/>
              <a:gd name="connsiteY13" fmla="*/ 0 h 5673754"/>
              <a:gd name="connsiteX14" fmla="*/ 7896391 w 7896391"/>
              <a:gd name="connsiteY14" fmla="*/ 5673754 h 5673754"/>
              <a:gd name="connsiteX15" fmla="*/ 2900476 w 7896391"/>
              <a:gd name="connsiteY15" fmla="*/ 5673754 h 5673754"/>
              <a:gd name="connsiteX16" fmla="*/ 2900476 w 7896391"/>
              <a:gd name="connsiteY16" fmla="*/ 5666375 h 5673754"/>
              <a:gd name="connsiteX17" fmla="*/ 1203962 w 7896391"/>
              <a:gd name="connsiteY17" fmla="*/ 5666375 h 5673754"/>
              <a:gd name="connsiteX18" fmla="*/ 1203962 w 7896391"/>
              <a:gd name="connsiteY18" fmla="*/ 2069964 h 5673754"/>
              <a:gd name="connsiteX19" fmla="*/ 2900476 w 7896391"/>
              <a:gd name="connsiteY19" fmla="*/ 2069964 h 5673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7896391" h="5673754">
                <a:moveTo>
                  <a:pt x="0" y="4718862"/>
                </a:moveTo>
                <a:lnTo>
                  <a:pt x="454741" y="4718862"/>
                </a:lnTo>
                <a:lnTo>
                  <a:pt x="454741" y="4833561"/>
                </a:lnTo>
                <a:lnTo>
                  <a:pt x="0" y="4833561"/>
                </a:lnTo>
                <a:close/>
                <a:moveTo>
                  <a:pt x="334582" y="4065206"/>
                </a:moveTo>
                <a:lnTo>
                  <a:pt x="454742" y="4065206"/>
                </a:lnTo>
                <a:lnTo>
                  <a:pt x="454742" y="4110925"/>
                </a:lnTo>
                <a:lnTo>
                  <a:pt x="334582" y="4110925"/>
                </a:lnTo>
                <a:close/>
                <a:moveTo>
                  <a:pt x="455201" y="3622668"/>
                </a:moveTo>
                <a:lnTo>
                  <a:pt x="1203503" y="3622668"/>
                </a:lnTo>
                <a:lnTo>
                  <a:pt x="1203503" y="4861113"/>
                </a:lnTo>
                <a:lnTo>
                  <a:pt x="455201" y="4861113"/>
                </a:lnTo>
                <a:close/>
                <a:moveTo>
                  <a:pt x="2900476" y="0"/>
                </a:moveTo>
                <a:lnTo>
                  <a:pt x="7896391" y="0"/>
                </a:lnTo>
                <a:lnTo>
                  <a:pt x="7896391" y="5673754"/>
                </a:lnTo>
                <a:lnTo>
                  <a:pt x="2900476" y="5673754"/>
                </a:lnTo>
                <a:lnTo>
                  <a:pt x="2900476" y="5666375"/>
                </a:lnTo>
                <a:lnTo>
                  <a:pt x="1203962" y="5666375"/>
                </a:lnTo>
                <a:lnTo>
                  <a:pt x="1203962" y="2069964"/>
                </a:lnTo>
                <a:lnTo>
                  <a:pt x="2900476" y="2069964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CA"/>
          </a:p>
        </p:txBody>
      </p:sp>
      <p:grpSp>
        <p:nvGrpSpPr>
          <p:cNvPr id="89" name="Group 88">
            <a:extLst>
              <a:ext uri="{FF2B5EF4-FFF2-40B4-BE49-F238E27FC236}">
                <a16:creationId xmlns:a16="http://schemas.microsoft.com/office/drawing/2014/main" id="{38080BD1-1A35-B2A3-B702-BA57220CFB78}"/>
              </a:ext>
            </a:extLst>
          </p:cNvPr>
          <p:cNvGrpSpPr/>
          <p:nvPr/>
        </p:nvGrpSpPr>
        <p:grpSpPr>
          <a:xfrm>
            <a:off x="7251599" y="3978433"/>
            <a:ext cx="4915227" cy="2903172"/>
            <a:chOff x="7222533" y="3865207"/>
            <a:chExt cx="4915227" cy="2903172"/>
          </a:xfrm>
        </p:grpSpPr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DF1D0CD0-E666-9A0E-EF85-39986B8B156E}"/>
                </a:ext>
              </a:extLst>
            </p:cNvPr>
            <p:cNvGrpSpPr/>
            <p:nvPr/>
          </p:nvGrpSpPr>
          <p:grpSpPr>
            <a:xfrm>
              <a:off x="7222533" y="3865207"/>
              <a:ext cx="4915227" cy="2903172"/>
              <a:chOff x="7300539" y="3822383"/>
              <a:chExt cx="4915227" cy="2903172"/>
            </a:xfrm>
          </p:grpSpPr>
          <p:sp>
            <p:nvSpPr>
              <p:cNvPr id="82" name="TextBox 81">
                <a:extLst>
                  <a:ext uri="{FF2B5EF4-FFF2-40B4-BE49-F238E27FC236}">
                    <a16:creationId xmlns:a16="http://schemas.microsoft.com/office/drawing/2014/main" id="{F9121216-B84B-B127-C219-2DA5C197E5AB}"/>
                  </a:ext>
                </a:extLst>
              </p:cNvPr>
              <p:cNvSpPr txBox="1"/>
              <p:nvPr/>
            </p:nvSpPr>
            <p:spPr>
              <a:xfrm>
                <a:off x="11614924" y="3822383"/>
                <a:ext cx="600842" cy="261610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pPr algn="r"/>
                <a:r>
                  <a:rPr lang="en-US" sz="1100"/>
                  <a:t>[1/s]</a:t>
                </a:r>
              </a:p>
            </p:txBody>
          </p:sp>
          <p:pic>
            <p:nvPicPr>
              <p:cNvPr id="96" name="Picture 95" descr="A graph of a graph showing a number of electrons&#10;&#10;Description automatically generated">
                <a:extLst>
                  <a:ext uri="{FF2B5EF4-FFF2-40B4-BE49-F238E27FC236}">
                    <a16:creationId xmlns:a16="http://schemas.microsoft.com/office/drawing/2014/main" id="{FB755267-6A7D-CCC1-E86B-32581708D4DA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4934" r="4202"/>
              <a:stretch/>
            </p:blipFill>
            <p:spPr>
              <a:xfrm>
                <a:off x="7300539" y="3852149"/>
                <a:ext cx="4564240" cy="2873406"/>
              </a:xfrm>
              <a:prstGeom prst="rect">
                <a:avLst/>
              </a:prstGeom>
            </p:spPr>
          </p:pic>
        </p:grpSp>
        <p:sp>
          <p:nvSpPr>
            <p:cNvPr id="93" name="TextBox 92">
              <a:extLst>
                <a:ext uri="{FF2B5EF4-FFF2-40B4-BE49-F238E27FC236}">
                  <a16:creationId xmlns:a16="http://schemas.microsoft.com/office/drawing/2014/main" id="{A33BC630-F8B2-3476-6E38-00EAEFCC6C1C}"/>
                </a:ext>
              </a:extLst>
            </p:cNvPr>
            <p:cNvSpPr txBox="1"/>
            <p:nvPr/>
          </p:nvSpPr>
          <p:spPr>
            <a:xfrm>
              <a:off x="9613949" y="5756006"/>
              <a:ext cx="1657204" cy="36933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ctr"/>
              <a:r>
                <a:rPr lang="en-CA" dirty="0">
                  <a:solidFill>
                    <a:srgbClr val="002060"/>
                  </a:solidFill>
                </a:rPr>
                <a:t>Future AETE</a:t>
              </a:r>
            </a:p>
          </p:txBody>
        </p:sp>
      </p:grpSp>
      <p:grpSp>
        <p:nvGrpSpPr>
          <p:cNvPr id="61" name="Group 60">
            <a:extLst>
              <a:ext uri="{FF2B5EF4-FFF2-40B4-BE49-F238E27FC236}">
                <a16:creationId xmlns:a16="http://schemas.microsoft.com/office/drawing/2014/main" id="{ACCDA73E-518C-8F86-6D00-BA645F5F28F2}"/>
              </a:ext>
            </a:extLst>
          </p:cNvPr>
          <p:cNvGrpSpPr/>
          <p:nvPr/>
        </p:nvGrpSpPr>
        <p:grpSpPr>
          <a:xfrm>
            <a:off x="7316571" y="1070525"/>
            <a:ext cx="4790311" cy="2914848"/>
            <a:chOff x="6066735" y="1673467"/>
            <a:chExt cx="4790311" cy="2914848"/>
          </a:xfrm>
        </p:grpSpPr>
        <p:sp>
          <p:nvSpPr>
            <p:cNvPr id="73" name="TextBox 72">
              <a:extLst>
                <a:ext uri="{FF2B5EF4-FFF2-40B4-BE49-F238E27FC236}">
                  <a16:creationId xmlns:a16="http://schemas.microsoft.com/office/drawing/2014/main" id="{284B3AEC-2A68-3EE7-5371-AAB7C938713E}"/>
                </a:ext>
              </a:extLst>
            </p:cNvPr>
            <p:cNvSpPr txBox="1"/>
            <p:nvPr/>
          </p:nvSpPr>
          <p:spPr>
            <a:xfrm>
              <a:off x="10256204" y="1673467"/>
              <a:ext cx="600842" cy="26161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1100"/>
                <a:t>[1/s]</a:t>
              </a:r>
            </a:p>
          </p:txBody>
        </p:sp>
        <p:pic>
          <p:nvPicPr>
            <p:cNvPr id="78" name="Picture 77" descr="A graph showing a graph showing a number of electrons&#10;&#10;Description automatically generated">
              <a:extLst>
                <a:ext uri="{FF2B5EF4-FFF2-40B4-BE49-F238E27FC236}">
                  <a16:creationId xmlns:a16="http://schemas.microsoft.com/office/drawing/2014/main" id="{96579CB1-0D01-A150-2428-C3DD285DA70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384" r="4722"/>
            <a:stretch>
              <a:fillRect/>
            </a:stretch>
          </p:blipFill>
          <p:spPr>
            <a:xfrm>
              <a:off x="6066735" y="1764737"/>
              <a:ext cx="4435705" cy="2823578"/>
            </a:xfrm>
            <a:prstGeom prst="rect">
              <a:avLst/>
            </a:prstGeom>
          </p:spPr>
        </p:pic>
      </p:grpSp>
      <p:sp>
        <p:nvSpPr>
          <p:cNvPr id="92" name="TextBox 91">
            <a:extLst>
              <a:ext uri="{FF2B5EF4-FFF2-40B4-BE49-F238E27FC236}">
                <a16:creationId xmlns:a16="http://schemas.microsoft.com/office/drawing/2014/main" id="{DDE8F780-BD91-D1FD-C5BD-5BE0A1CF7DE3}"/>
              </a:ext>
            </a:extLst>
          </p:cNvPr>
          <p:cNvSpPr txBox="1"/>
          <p:nvPr/>
        </p:nvSpPr>
        <p:spPr>
          <a:xfrm>
            <a:off x="9893301" y="2687101"/>
            <a:ext cx="1412791" cy="58477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CA" sz="1600">
                <a:solidFill>
                  <a:srgbClr val="00B0F0"/>
                </a:solidFill>
              </a:rPr>
              <a:t>Current ISAC Future APTW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B60F45E0-7CDE-7C8B-3253-1BDA7B3E07B3}"/>
              </a:ext>
            </a:extLst>
          </p:cNvPr>
          <p:cNvSpPr/>
          <p:nvPr/>
        </p:nvSpPr>
        <p:spPr>
          <a:xfrm>
            <a:off x="19289" y="999703"/>
            <a:ext cx="7407825" cy="5860097"/>
          </a:xfrm>
          <a:prstGeom prst="rect">
            <a:avLst/>
          </a:prstGeom>
          <a:solidFill>
            <a:srgbClr val="FFFFFF">
              <a:alpha val="40000"/>
            </a:srgb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grpSp>
        <p:nvGrpSpPr>
          <p:cNvPr id="137" name="Group 136">
            <a:extLst>
              <a:ext uri="{FF2B5EF4-FFF2-40B4-BE49-F238E27FC236}">
                <a16:creationId xmlns:a16="http://schemas.microsoft.com/office/drawing/2014/main" id="{F7599520-123C-6076-3717-2EDE3F50FA32}"/>
              </a:ext>
            </a:extLst>
          </p:cNvPr>
          <p:cNvGrpSpPr/>
          <p:nvPr/>
        </p:nvGrpSpPr>
        <p:grpSpPr>
          <a:xfrm>
            <a:off x="6103161" y="4551945"/>
            <a:ext cx="520345" cy="1828059"/>
            <a:chOff x="6014261" y="4532895"/>
            <a:chExt cx="806372" cy="1828059"/>
          </a:xfrm>
        </p:grpSpPr>
        <p:sp>
          <p:nvSpPr>
            <p:cNvPr id="138" name="object 57">
              <a:extLst>
                <a:ext uri="{FF2B5EF4-FFF2-40B4-BE49-F238E27FC236}">
                  <a16:creationId xmlns:a16="http://schemas.microsoft.com/office/drawing/2014/main" id="{592F9341-4842-1ADA-7364-5A7E49D83FFC}"/>
                </a:ext>
              </a:extLst>
            </p:cNvPr>
            <p:cNvSpPr/>
            <p:nvPr/>
          </p:nvSpPr>
          <p:spPr>
            <a:xfrm>
              <a:off x="6022851" y="4532895"/>
              <a:ext cx="797782" cy="1828059"/>
            </a:xfrm>
            <a:custGeom>
              <a:avLst/>
              <a:gdLst/>
              <a:ahLst/>
              <a:cxnLst/>
              <a:rect l="l" t="t" r="r" b="b"/>
              <a:pathLst>
                <a:path w="124459" h="413385">
                  <a:moveTo>
                    <a:pt x="122810" y="0"/>
                  </a:moveTo>
                  <a:lnTo>
                    <a:pt x="0" y="99697"/>
                  </a:lnTo>
                  <a:lnTo>
                    <a:pt x="584" y="314317"/>
                  </a:lnTo>
                  <a:lnTo>
                    <a:pt x="123938" y="413346"/>
                  </a:lnTo>
                  <a:lnTo>
                    <a:pt x="122810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dirty="0"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39" name="object 159">
              <a:extLst>
                <a:ext uri="{FF2B5EF4-FFF2-40B4-BE49-F238E27FC236}">
                  <a16:creationId xmlns:a16="http://schemas.microsoft.com/office/drawing/2014/main" id="{32C50E14-7829-01D9-153C-7492F13C975F}"/>
                </a:ext>
              </a:extLst>
            </p:cNvPr>
            <p:cNvSpPr txBox="1"/>
            <p:nvPr/>
          </p:nvSpPr>
          <p:spPr>
            <a:xfrm rot="21420000">
              <a:off x="6014261" y="4571283"/>
              <a:ext cx="252232" cy="23403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795"/>
                </a:lnSpc>
              </a:pPr>
              <a:r>
                <a:rPr sz="1800" spc="25">
                  <a:solidFill>
                    <a:srgbClr val="00B050"/>
                  </a:solidFill>
                  <a:cs typeface="Calibri"/>
                </a:rPr>
                <a:t>γ</a:t>
              </a:r>
              <a:endParaRPr sz="1800">
                <a:solidFill>
                  <a:srgbClr val="00B050"/>
                </a:solidFill>
                <a:cs typeface="Calibri"/>
              </a:endParaRPr>
            </a:p>
          </p:txBody>
        </p:sp>
      </p:grpSp>
      <p:grpSp>
        <p:nvGrpSpPr>
          <p:cNvPr id="140" name="Group 139">
            <a:extLst>
              <a:ext uri="{FF2B5EF4-FFF2-40B4-BE49-F238E27FC236}">
                <a16:creationId xmlns:a16="http://schemas.microsoft.com/office/drawing/2014/main" id="{4704B0A3-F769-FC7B-9A52-44DE6E9A60D5}"/>
              </a:ext>
            </a:extLst>
          </p:cNvPr>
          <p:cNvGrpSpPr/>
          <p:nvPr/>
        </p:nvGrpSpPr>
        <p:grpSpPr>
          <a:xfrm>
            <a:off x="5477979" y="5121610"/>
            <a:ext cx="1431726" cy="1548805"/>
            <a:chOff x="5389079" y="5102560"/>
            <a:chExt cx="1431726" cy="1548805"/>
          </a:xfrm>
        </p:grpSpPr>
        <p:sp>
          <p:nvSpPr>
            <p:cNvPr id="141" name="object 142">
              <a:extLst>
                <a:ext uri="{FF2B5EF4-FFF2-40B4-BE49-F238E27FC236}">
                  <a16:creationId xmlns:a16="http://schemas.microsoft.com/office/drawing/2014/main" id="{A9312856-03C7-CA4B-C53C-2F9AF4470F4A}"/>
                </a:ext>
              </a:extLst>
            </p:cNvPr>
            <p:cNvSpPr/>
            <p:nvPr/>
          </p:nvSpPr>
          <p:spPr>
            <a:xfrm>
              <a:off x="5871651" y="5111664"/>
              <a:ext cx="155955" cy="677820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42" name="Straight Arrow Connector 141">
              <a:extLst>
                <a:ext uri="{FF2B5EF4-FFF2-40B4-BE49-F238E27FC236}">
                  <a16:creationId xmlns:a16="http://schemas.microsoft.com/office/drawing/2014/main" id="{08AC37FF-BC78-51EC-E32F-47276E2DC89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430396" y="5449033"/>
              <a:ext cx="401855" cy="2752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F5168482-0276-F682-9F9F-BAC9BE4AD8E6}"/>
                </a:ext>
              </a:extLst>
            </p:cNvPr>
            <p:cNvSpPr txBox="1"/>
            <p:nvPr/>
          </p:nvSpPr>
          <p:spPr>
            <a:xfrm>
              <a:off x="5389079" y="5102560"/>
              <a:ext cx="637756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  <p:cxnSp>
          <p:nvCxnSpPr>
            <p:cNvPr id="144" name="Straight Connector 143">
              <a:extLst>
                <a:ext uri="{FF2B5EF4-FFF2-40B4-BE49-F238E27FC236}">
                  <a16:creationId xmlns:a16="http://schemas.microsoft.com/office/drawing/2014/main" id="{81B7ED30-090A-0B3F-03E5-2E8A126AFC3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885337" y="5774913"/>
              <a:ext cx="59036" cy="586041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7B1D9506-87EE-2B4F-62C7-7727EF54B11E}"/>
                </a:ext>
              </a:extLst>
            </p:cNvPr>
            <p:cNvSpPr txBox="1"/>
            <p:nvPr/>
          </p:nvSpPr>
          <p:spPr>
            <a:xfrm>
              <a:off x="5390572" y="6343588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Converter</a:t>
              </a:r>
            </a:p>
          </p:txBody>
        </p:sp>
      </p:grpSp>
      <p:grpSp>
        <p:nvGrpSpPr>
          <p:cNvPr id="146" name="Group 145">
            <a:extLst>
              <a:ext uri="{FF2B5EF4-FFF2-40B4-BE49-F238E27FC236}">
                <a16:creationId xmlns:a16="http://schemas.microsoft.com/office/drawing/2014/main" id="{1CB86E07-2851-0596-131A-5C01A457D90D}"/>
              </a:ext>
            </a:extLst>
          </p:cNvPr>
          <p:cNvGrpSpPr/>
          <p:nvPr/>
        </p:nvGrpSpPr>
        <p:grpSpPr>
          <a:xfrm>
            <a:off x="6220447" y="4286987"/>
            <a:ext cx="1663001" cy="2390146"/>
            <a:chOff x="6388722" y="4267937"/>
            <a:chExt cx="1663001" cy="2390146"/>
          </a:xfrm>
        </p:grpSpPr>
        <p:sp>
          <p:nvSpPr>
            <p:cNvPr id="147" name="object 138">
              <a:extLst>
                <a:ext uri="{FF2B5EF4-FFF2-40B4-BE49-F238E27FC236}">
                  <a16:creationId xmlns:a16="http://schemas.microsoft.com/office/drawing/2014/main" id="{8396C70A-BDBE-1135-6C29-698CA3B7F2EF}"/>
                </a:ext>
              </a:extLst>
            </p:cNvPr>
            <p:cNvSpPr/>
            <p:nvPr/>
          </p:nvSpPr>
          <p:spPr>
            <a:xfrm>
              <a:off x="6388722" y="5168019"/>
              <a:ext cx="595816" cy="569666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48" name="object 142">
              <a:extLst>
                <a:ext uri="{FF2B5EF4-FFF2-40B4-BE49-F238E27FC236}">
                  <a16:creationId xmlns:a16="http://schemas.microsoft.com/office/drawing/2014/main" id="{46F02B93-B323-1026-468B-B7481890018D}"/>
                </a:ext>
              </a:extLst>
            </p:cNvPr>
            <p:cNvSpPr/>
            <p:nvPr/>
          </p:nvSpPr>
          <p:spPr>
            <a:xfrm>
              <a:off x="6899111" y="4835108"/>
              <a:ext cx="133727" cy="724408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49" name="Straight Arrow Connector 148">
              <a:extLst>
                <a:ext uri="{FF2B5EF4-FFF2-40B4-BE49-F238E27FC236}">
                  <a16:creationId xmlns:a16="http://schemas.microsoft.com/office/drawing/2014/main" id="{26CA9C91-10DE-AB79-F672-17981D83DBD8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960408" y="4267937"/>
              <a:ext cx="0" cy="569225"/>
            </a:xfrm>
            <a:prstGeom prst="straightConnector1">
              <a:avLst/>
            </a:prstGeom>
            <a:ln w="285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0" name="Straight Connector 149">
              <a:extLst>
                <a:ext uri="{FF2B5EF4-FFF2-40B4-BE49-F238E27FC236}">
                  <a16:creationId xmlns:a16="http://schemas.microsoft.com/office/drawing/2014/main" id="{D5BB0C2E-17D6-C6B8-4026-5DB3B5E067A7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896685" y="5644935"/>
              <a:ext cx="63723" cy="724408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0A60EA8B-EC7D-4FD0-C232-CABB5E0E5D18}"/>
                </a:ext>
              </a:extLst>
            </p:cNvPr>
            <p:cNvSpPr txBox="1"/>
            <p:nvPr/>
          </p:nvSpPr>
          <p:spPr>
            <a:xfrm>
              <a:off x="6621490" y="6350306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Target</a:t>
              </a:r>
            </a:p>
          </p:txBody>
        </p:sp>
        <p:cxnSp>
          <p:nvCxnSpPr>
            <p:cNvPr id="105" name="Straight Connector 104">
              <a:extLst>
                <a:ext uri="{FF2B5EF4-FFF2-40B4-BE49-F238E27FC236}">
                  <a16:creationId xmlns:a16="http://schemas.microsoft.com/office/drawing/2014/main" id="{DF6B054E-E612-24EB-58F1-24C7A3CDFFB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032139" y="5226756"/>
              <a:ext cx="126911" cy="362173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DF162BF4-32E2-A9FB-0321-DED0AD5B8F12}"/>
                </a:ext>
              </a:extLst>
            </p:cNvPr>
            <p:cNvSpPr txBox="1"/>
            <p:nvPr/>
          </p:nvSpPr>
          <p:spPr>
            <a:xfrm>
              <a:off x="6992369" y="5502486"/>
              <a:ext cx="792547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Ion Sourc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235858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2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48BF6FE-B4F1-8F5D-82BB-63A822C2D4F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4DD56EA-5511-0F2F-53F7-487881162C0A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705357" y="205595"/>
            <a:ext cx="10450005" cy="606574"/>
          </a:xfrm>
        </p:spPr>
        <p:txBody>
          <a:bodyPr/>
          <a:lstStyle/>
          <a:p>
            <a:r>
              <a:rPr lang="en-US"/>
              <a:t>RIBs from electrons: How?</a:t>
            </a:r>
            <a:endParaRPr lang="en-CA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085B87EB-B060-0E36-6584-129DA0222C1D}"/>
              </a:ext>
            </a:extLst>
          </p:cNvPr>
          <p:cNvSpPr/>
          <p:nvPr/>
        </p:nvSpPr>
        <p:spPr>
          <a:xfrm>
            <a:off x="7670633" y="5438652"/>
            <a:ext cx="1890405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Muons for </a:t>
            </a:r>
          </a:p>
          <a:p>
            <a:pPr algn="ctr"/>
            <a:r>
              <a:rPr lang="en-US" sz="1411">
                <a:solidFill>
                  <a:srgbClr val="002060"/>
                </a:solidFill>
              </a:rPr>
              <a:t>material science</a:t>
            </a:r>
          </a:p>
        </p:txBody>
      </p: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B9EADA6A-8A5B-2F5F-5076-9D898B6E71D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36F8506-1FEB-1199-3544-12F2996C05C8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3E682E0A-0494-73FA-D4EC-73BECEA4A6AD}"/>
              </a:ext>
            </a:extLst>
          </p:cNvPr>
          <p:cNvCxnSpPr>
            <a:cxnSpLocks/>
          </p:cNvCxnSpPr>
          <p:nvPr/>
        </p:nvCxnSpPr>
        <p:spPr>
          <a:xfrm>
            <a:off x="4038692" y="5964743"/>
            <a:ext cx="7955254" cy="5194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2519BACE-58E2-9E00-42F7-D9BA09D93B8B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50C960B-CB7C-39B1-5EC0-307FD70FB8FB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79BA6618-88A3-1370-DC5C-F506C3A24C1B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760C26C3-707D-90B8-1084-DF3F8277AF97}"/>
              </a:ext>
            </a:extLst>
          </p:cNvPr>
          <p:cNvCxnSpPr>
            <a:cxnSpLocks/>
          </p:cNvCxnSpPr>
          <p:nvPr/>
        </p:nvCxnSpPr>
        <p:spPr>
          <a:xfrm flipV="1">
            <a:off x="5246714" y="4040152"/>
            <a:ext cx="759729" cy="123844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930FFBC3-5819-517A-59B8-0AD48AF81256}"/>
              </a:ext>
            </a:extLst>
          </p:cNvPr>
          <p:cNvSpPr/>
          <p:nvPr/>
        </p:nvSpPr>
        <p:spPr>
          <a:xfrm>
            <a:off x="5948950" y="3537291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PIF</a:t>
            </a:r>
            <a:endParaRPr lang="en-CA" sz="1588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8456A1C0-7470-1104-536A-6A9EDE522FDD}"/>
              </a:ext>
            </a:extLst>
          </p:cNvPr>
          <p:cNvSpPr/>
          <p:nvPr/>
        </p:nvSpPr>
        <p:spPr>
          <a:xfrm>
            <a:off x="7812377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1</a:t>
            </a:r>
            <a:endParaRPr lang="en-CA" sz="1588"/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61AFD7C6-18E3-B71C-1A29-6CFBC9352800}"/>
              </a:ext>
            </a:extLst>
          </p:cNvPr>
          <p:cNvSpPr/>
          <p:nvPr/>
        </p:nvSpPr>
        <p:spPr>
          <a:xfrm>
            <a:off x="8701750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2</a:t>
            </a:r>
            <a:endParaRPr lang="en-CA" sz="1588"/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71CD6D0-69B0-0ED7-4B89-B43E63132AC4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7AD5382E-019C-CF04-FD67-DFA4202C08F7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6759760-B8D2-A0D0-902C-35FEA60F69EE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896EBA3C-0F92-3ADE-6AAB-2F9C99AABAAD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5802724-115C-36F1-523B-43F72122A227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23047C6F-4A59-E4E4-C07C-27A1A3843284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: Rounded Corners 24">
            <a:extLst>
              <a:ext uri="{FF2B5EF4-FFF2-40B4-BE49-F238E27FC236}">
                <a16:creationId xmlns:a16="http://schemas.microsoft.com/office/drawing/2014/main" id="{A81782A6-FEB7-D9E1-429E-DFEBD80DDC8C}"/>
              </a:ext>
            </a:extLst>
          </p:cNvPr>
          <p:cNvSpPr/>
          <p:nvPr/>
        </p:nvSpPr>
        <p:spPr>
          <a:xfrm>
            <a:off x="5819454" y="3305187"/>
            <a:ext cx="3341775" cy="105446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r>
              <a:rPr lang="en-US" sz="1411">
                <a:solidFill>
                  <a:srgbClr val="002060"/>
                </a:solidFill>
              </a:rPr>
              <a:t>120 MeV – 10 </a:t>
            </a:r>
            <a:r>
              <a:rPr lang="en-US" sz="1411" err="1">
                <a:solidFill>
                  <a:srgbClr val="002060"/>
                </a:solidFill>
              </a:rPr>
              <a:t>nA</a:t>
            </a:r>
            <a:endParaRPr lang="en-US" sz="1411">
              <a:solidFill>
                <a:srgbClr val="002060"/>
              </a:solidFill>
            </a:endParaRPr>
          </a:p>
          <a:p>
            <a:pPr algn="r"/>
            <a:r>
              <a:rPr lang="en-US" sz="1411">
                <a:solidFill>
                  <a:srgbClr val="002060"/>
                </a:solidFill>
              </a:rPr>
              <a:t>Electronics irradiations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Proton FLASH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Ocular melanoma treatments (-2019)</a:t>
            </a:r>
          </a:p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2F5608FD-9FBB-AB05-8212-CD6C69A0DA0B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08FDFC7E-0981-85B3-9221-B2ADC19A2FB8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grpSp>
        <p:nvGrpSpPr>
          <p:cNvPr id="80" name="Group 79">
            <a:extLst>
              <a:ext uri="{FF2B5EF4-FFF2-40B4-BE49-F238E27FC236}">
                <a16:creationId xmlns:a16="http://schemas.microsoft.com/office/drawing/2014/main" id="{D6379981-A3FC-3B1C-CFCC-C1C6C497C6D6}"/>
              </a:ext>
            </a:extLst>
          </p:cNvPr>
          <p:cNvGrpSpPr/>
          <p:nvPr/>
        </p:nvGrpSpPr>
        <p:grpSpPr>
          <a:xfrm>
            <a:off x="9909989" y="1140824"/>
            <a:ext cx="2064687" cy="2845252"/>
            <a:chOff x="9220010" y="1211378"/>
            <a:chExt cx="2064687" cy="2845252"/>
          </a:xfrm>
        </p:grpSpPr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7CA468F3-5EE8-8D6B-F8E8-C2594BE1FAB9}"/>
                </a:ext>
              </a:extLst>
            </p:cNvPr>
            <p:cNvSpPr/>
            <p:nvPr/>
          </p:nvSpPr>
          <p:spPr>
            <a:xfrm>
              <a:off x="9220010" y="1211378"/>
              <a:ext cx="2064687" cy="2845252"/>
            </a:xfrm>
            <a:prstGeom prst="roundRect">
              <a:avLst>
                <a:gd name="adj" fmla="val 6373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/>
              <a:endParaRPr lang="en-CA" sz="1588">
                <a:solidFill>
                  <a:srgbClr val="002060"/>
                </a:solidFill>
              </a:endParaRPr>
            </a:p>
          </p:txBody>
        </p:sp>
        <p:pic>
          <p:nvPicPr>
            <p:cNvPr id="30" name="Picture 29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59E806A6-E150-737F-B0F9-DA74F88891A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1734457"/>
              <a:ext cx="365763" cy="338054"/>
            </a:xfrm>
            <a:prstGeom prst="rect">
              <a:avLst/>
            </a:prstGeom>
          </p:spPr>
        </p:pic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6746DFA2-7DF8-9CD0-E3D6-CA54C8705B12}"/>
                </a:ext>
              </a:extLst>
            </p:cNvPr>
            <p:cNvSpPr txBox="1"/>
            <p:nvPr/>
          </p:nvSpPr>
          <p:spPr>
            <a:xfrm>
              <a:off x="9833705" y="1712197"/>
              <a:ext cx="945030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13</a:t>
              </a:r>
            </a:p>
          </p:txBody>
        </p:sp>
        <p:pic>
          <p:nvPicPr>
            <p:cNvPr id="32" name="Picture 31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CDB63673-B144-C95F-3F11-5E17340DA30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2184119"/>
              <a:ext cx="365763" cy="338054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C90DF892-6943-44D1-6570-3AF84A3BD7E7}"/>
                </a:ext>
              </a:extLst>
            </p:cNvPr>
            <p:cNvSpPr txBox="1"/>
            <p:nvPr/>
          </p:nvSpPr>
          <p:spPr>
            <a:xfrm>
              <a:off x="9830721" y="2178723"/>
              <a:ext cx="1097611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1</a:t>
              </a:r>
            </a:p>
          </p:txBody>
        </p:sp>
        <p:pic>
          <p:nvPicPr>
            <p:cNvPr id="34" name="Picture 33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95BA9630-C1CF-B161-6642-9E2AF209B91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2659343"/>
              <a:ext cx="365763" cy="338054"/>
            </a:xfrm>
            <a:prstGeom prst="rect">
              <a:avLst/>
            </a:prstGeom>
          </p:spPr>
        </p:pic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37021A0B-6B19-859D-3F63-5289785BB23D}"/>
                </a:ext>
              </a:extLst>
            </p:cNvPr>
            <p:cNvSpPr txBox="1"/>
            <p:nvPr/>
          </p:nvSpPr>
          <p:spPr>
            <a:xfrm>
              <a:off x="9833706" y="2653947"/>
              <a:ext cx="1201097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2</a:t>
              </a:r>
            </a:p>
          </p:txBody>
        </p:sp>
        <p:pic>
          <p:nvPicPr>
            <p:cNvPr id="36" name="Picture 35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7E0604F2-2A96-EEDB-92F9-6E73B20E569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3129697"/>
              <a:ext cx="365763" cy="338054"/>
            </a:xfrm>
            <a:prstGeom prst="rect">
              <a:avLst/>
            </a:prstGeom>
          </p:spPr>
        </p:pic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D7EF6FB6-D401-8DFB-450E-0C2C59A52AA8}"/>
                </a:ext>
              </a:extLst>
            </p:cNvPr>
            <p:cNvSpPr txBox="1"/>
            <p:nvPr/>
          </p:nvSpPr>
          <p:spPr>
            <a:xfrm>
              <a:off x="9842584" y="3124301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CP: 42</a:t>
              </a:r>
            </a:p>
          </p:txBody>
        </p:sp>
        <p:pic>
          <p:nvPicPr>
            <p:cNvPr id="83" name="Picture 82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07E7459A-A16F-A5E0-C154-3DD2DE4AC49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3593313"/>
              <a:ext cx="365763" cy="338054"/>
            </a:xfrm>
            <a:prstGeom prst="rect">
              <a:avLst/>
            </a:prstGeom>
          </p:spPr>
        </p:pic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73C2B7F9-E7B9-8B41-D934-883F6FDAE578}"/>
                </a:ext>
              </a:extLst>
            </p:cNvPr>
            <p:cNvSpPr txBox="1"/>
            <p:nvPr/>
          </p:nvSpPr>
          <p:spPr>
            <a:xfrm>
              <a:off x="9848453" y="3586011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24</a:t>
              </a:r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DBF9D6D5-542A-62B7-70D2-4F22995803D7}"/>
                </a:ext>
              </a:extLst>
            </p:cNvPr>
            <p:cNvSpPr txBox="1"/>
            <p:nvPr/>
          </p:nvSpPr>
          <p:spPr>
            <a:xfrm>
              <a:off x="9389675" y="1292634"/>
              <a:ext cx="1768713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Medical isotopes</a:t>
              </a:r>
              <a:endParaRPr lang="en-CA" sz="1588"/>
            </a:p>
          </p:txBody>
        </p:sp>
      </p:grp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CD56A07D-D00E-70D4-AF12-BB38202BB40B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6E285614-2FEF-6463-E10B-E07EE6C0A0DD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21DD2A33-80BC-626D-489F-3797D809B516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5EF6CB58-74EE-BEC7-4FB7-2801BC3ADC71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07DAD85B-DA7B-4115-6F55-2A364E3FD1C3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AA6E1DF8-CF7D-048A-9928-96A8658AD51C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ARIEL)</a:t>
            </a:r>
            <a:endParaRPr lang="en-CA" sz="1100">
              <a:solidFill>
                <a:srgbClr val="002060"/>
              </a:solidFill>
            </a:endParaRPr>
          </a:p>
        </p:txBody>
      </p:sp>
      <p:sp>
        <p:nvSpPr>
          <p:cNvPr id="45" name="Rectangle: Rounded Corners 44">
            <a:extLst>
              <a:ext uri="{FF2B5EF4-FFF2-40B4-BE49-F238E27FC236}">
                <a16:creationId xmlns:a16="http://schemas.microsoft.com/office/drawing/2014/main" id="{C46021CE-9B27-809A-A985-14683C94088A}"/>
              </a:ext>
            </a:extLst>
          </p:cNvPr>
          <p:cNvSpPr/>
          <p:nvPr/>
        </p:nvSpPr>
        <p:spPr>
          <a:xfrm>
            <a:off x="9797341" y="5437284"/>
            <a:ext cx="1361047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225</a:t>
            </a:r>
            <a:r>
              <a:rPr lang="en-US" sz="1411">
                <a:solidFill>
                  <a:srgbClr val="002060"/>
                </a:solidFill>
              </a:rPr>
              <a:t>Ac </a:t>
            </a:r>
            <a:r>
              <a:rPr lang="en-US" sz="1411" i="1">
                <a:solidFill>
                  <a:srgbClr val="002060"/>
                </a:solidFill>
              </a:rPr>
              <a:t>et al</a:t>
            </a:r>
            <a:r>
              <a:rPr lang="en-US" sz="1411">
                <a:solidFill>
                  <a:srgbClr val="002060"/>
                </a:solidFill>
              </a:rPr>
              <a:t>. production</a:t>
            </a:r>
          </a:p>
        </p:txBody>
      </p:sp>
      <p:sp>
        <p:nvSpPr>
          <p:cNvPr id="46" name="Rectangle: Rounded Corners 45">
            <a:extLst>
              <a:ext uri="{FF2B5EF4-FFF2-40B4-BE49-F238E27FC236}">
                <a16:creationId xmlns:a16="http://schemas.microsoft.com/office/drawing/2014/main" id="{61C0EF85-6481-51A0-E2C7-69281786B39C}"/>
              </a:ext>
            </a:extLst>
          </p:cNvPr>
          <p:cNvSpPr/>
          <p:nvPr/>
        </p:nvSpPr>
        <p:spPr>
          <a:xfrm>
            <a:off x="9998829" y="5524637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PF</a:t>
            </a:r>
            <a:endParaRPr lang="en-CA" sz="1588"/>
          </a:p>
        </p:txBody>
      </p:sp>
      <p:sp>
        <p:nvSpPr>
          <p:cNvPr id="47" name="Rectangle: Rounded Corners 46">
            <a:extLst>
              <a:ext uri="{FF2B5EF4-FFF2-40B4-BE49-F238E27FC236}">
                <a16:creationId xmlns:a16="http://schemas.microsoft.com/office/drawing/2014/main" id="{8207BD21-2F63-5744-437C-6BB98FFB1A5B}"/>
              </a:ext>
            </a:extLst>
          </p:cNvPr>
          <p:cNvSpPr/>
          <p:nvPr/>
        </p:nvSpPr>
        <p:spPr>
          <a:xfrm>
            <a:off x="10728829" y="4189468"/>
            <a:ext cx="1265117" cy="1054468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Neutron Irradiations</a:t>
            </a:r>
          </a:p>
        </p:txBody>
      </p:sp>
      <p:sp>
        <p:nvSpPr>
          <p:cNvPr id="48" name="Rectangle: Rounded Corners 47">
            <a:extLst>
              <a:ext uri="{FF2B5EF4-FFF2-40B4-BE49-F238E27FC236}">
                <a16:creationId xmlns:a16="http://schemas.microsoft.com/office/drawing/2014/main" id="{CBDA4CAA-791F-F000-1645-58741B36727B}"/>
              </a:ext>
            </a:extLst>
          </p:cNvPr>
          <p:cNvSpPr/>
          <p:nvPr/>
        </p:nvSpPr>
        <p:spPr>
          <a:xfrm>
            <a:off x="10973794" y="4228905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NIF</a:t>
            </a:r>
            <a:endParaRPr lang="en-CA" sz="1588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BBD37E8D-3ED4-DD09-3682-5F910C611452}"/>
              </a:ext>
            </a:extLst>
          </p:cNvPr>
          <p:cNvSpPr/>
          <p:nvPr/>
        </p:nvSpPr>
        <p:spPr>
          <a:xfrm>
            <a:off x="11324857" y="5865229"/>
            <a:ext cx="343400" cy="209417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7D351703-03E2-DC39-9479-5966C195CAE6}"/>
              </a:ext>
            </a:extLst>
          </p:cNvPr>
          <p:cNvCxnSpPr>
            <a:cxnSpLocks/>
            <a:endCxn id="49" idx="0"/>
          </p:cNvCxnSpPr>
          <p:nvPr/>
        </p:nvCxnSpPr>
        <p:spPr>
          <a:xfrm>
            <a:off x="11490325" y="5243936"/>
            <a:ext cx="6232" cy="621293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99513283-1EC9-36F1-A411-FDB85DF8A5CD}"/>
              </a:ext>
            </a:extLst>
          </p:cNvPr>
          <p:cNvCxnSpPr>
            <a:cxnSpLocks/>
          </p:cNvCxnSpPr>
          <p:nvPr/>
        </p:nvCxnSpPr>
        <p:spPr>
          <a:xfrm>
            <a:off x="11553018" y="5243936"/>
            <a:ext cx="0" cy="622174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326D7376-B847-C210-EE28-1D7B87BBB3A8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5E80A8F1-E24C-3E87-CC16-3BEC2EF451DF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40FD2394-2F22-E1C9-FFFD-4B592A4F8EE5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7DF93105-E4B9-7746-6EAC-ADEFCD54A5F1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B2B35F59-FB48-C786-907B-4DB10186A6AE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>
                <a:solidFill>
                  <a:srgbClr val="002060"/>
                </a:solidFill>
              </a:rPr>
              <a:t>ISOL</a:t>
            </a:r>
          </a:p>
          <a:p>
            <a:r>
              <a:rPr lang="en-US" sz="1400">
                <a:solidFill>
                  <a:srgbClr val="002060"/>
                </a:solidFill>
              </a:rPr>
              <a:t>(ISAC)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932F3015-5E97-9F32-5C79-DFDC5D0FA029}"/>
              </a:ext>
            </a:extLst>
          </p:cNvPr>
          <p:cNvSpPr/>
          <p:nvPr/>
        </p:nvSpPr>
        <p:spPr>
          <a:xfrm>
            <a:off x="5464866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53689536-1D72-0AEA-A5C4-AF0B164E41B6}"/>
              </a:ext>
            </a:extLst>
          </p:cNvPr>
          <p:cNvSpPr txBox="1"/>
          <p:nvPr/>
        </p:nvSpPr>
        <p:spPr>
          <a:xfrm>
            <a:off x="5636018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39AA2EC8-65BC-BBAE-1C79-BE24C87D8C52}"/>
              </a:ext>
            </a:extLst>
          </p:cNvPr>
          <p:cNvSpPr/>
          <p:nvPr/>
        </p:nvSpPr>
        <p:spPr>
          <a:xfrm>
            <a:off x="5464866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5C782101-55F5-BE95-5EBE-869FEA66793C}"/>
              </a:ext>
            </a:extLst>
          </p:cNvPr>
          <p:cNvSpPr txBox="1"/>
          <p:nvPr/>
        </p:nvSpPr>
        <p:spPr>
          <a:xfrm>
            <a:off x="5636018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9A9433D1-230D-E567-F403-5F4F7EF85481}"/>
              </a:ext>
            </a:extLst>
          </p:cNvPr>
          <p:cNvSpPr txBox="1"/>
          <p:nvPr/>
        </p:nvSpPr>
        <p:spPr>
          <a:xfrm>
            <a:off x="5636018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ARIEL ISOL targets (from 2027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C60E70B6-3282-CEA8-36A3-9191D0E6E353}"/>
              </a:ext>
            </a:extLst>
          </p:cNvPr>
          <p:cNvSpPr/>
          <p:nvPr/>
        </p:nvSpPr>
        <p:spPr>
          <a:xfrm>
            <a:off x="5464866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D09D6ED5-61AA-7368-76C6-47581D5B1013}"/>
              </a:ext>
            </a:extLst>
          </p:cNvPr>
          <p:cNvSpPr/>
          <p:nvPr/>
        </p:nvSpPr>
        <p:spPr>
          <a:xfrm>
            <a:off x="8747222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61D3CFD9-D765-B6C2-88F5-8F0ED8123E6E}"/>
              </a:ext>
            </a:extLst>
          </p:cNvPr>
          <p:cNvSpPr txBox="1"/>
          <p:nvPr/>
        </p:nvSpPr>
        <p:spPr>
          <a:xfrm>
            <a:off x="8918374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8A88BF9A-71DC-9BAC-30D9-6EC7496D07D5}"/>
              </a:ext>
            </a:extLst>
          </p:cNvPr>
          <p:cNvSpPr/>
          <p:nvPr/>
        </p:nvSpPr>
        <p:spPr>
          <a:xfrm>
            <a:off x="8747972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72475C18-1994-B113-A505-13FC0D4A5B54}"/>
              </a:ext>
            </a:extLst>
          </p:cNvPr>
          <p:cNvSpPr txBox="1"/>
          <p:nvPr/>
        </p:nvSpPr>
        <p:spPr>
          <a:xfrm>
            <a:off x="8919124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E36C9A0B-FE24-83F9-260F-F5809A55FC3D}"/>
              </a:ext>
            </a:extLst>
          </p:cNvPr>
          <p:cNvSpPr/>
          <p:nvPr/>
        </p:nvSpPr>
        <p:spPr>
          <a:xfrm>
            <a:off x="8747219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2DDF2174-909B-E1FB-F57F-8BF913D9B126}"/>
              </a:ext>
            </a:extLst>
          </p:cNvPr>
          <p:cNvSpPr txBox="1"/>
          <p:nvPr/>
        </p:nvSpPr>
        <p:spPr>
          <a:xfrm>
            <a:off x="8918372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AD278CAD-F4E9-7A62-5BD8-6AE2D5D195F2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3C7344C6-E637-E480-C7CC-E410DF29977C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183B1DB1-84D7-FAD7-7E18-ACEFD15144F6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F99659B2-ECDB-353E-7868-054C73BA208E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F5AAEE85-EC61-A945-810B-822522777754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>
            <a:extLst>
              <a:ext uri="{FF2B5EF4-FFF2-40B4-BE49-F238E27FC236}">
                <a16:creationId xmlns:a16="http://schemas.microsoft.com/office/drawing/2014/main" id="{4AB05CCC-A942-3025-2849-A55A5E53C52D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94E4A78F-7C66-6C62-9ADD-78F5DBF131A5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574BE56A-D729-526F-7A5E-B591D53BD591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BA42379C-F0CA-4B94-60AF-02B89C934E57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246BB1CA-CA0B-AC27-8B59-31C2CEE0F16A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7F573DE0-1702-FEB9-012A-5FAD3F0DF7B8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BE647556-4F6D-1D6D-477A-1CE400973423}"/>
              </a:ext>
            </a:extLst>
          </p:cNvPr>
          <p:cNvCxnSpPr>
            <a:cxnSpLocks/>
          </p:cNvCxnSpPr>
          <p:nvPr/>
        </p:nvCxnSpPr>
        <p:spPr>
          <a:xfrm flipV="1">
            <a:off x="5244522" y="5269073"/>
            <a:ext cx="661243" cy="152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TextBox 80">
            <a:extLst>
              <a:ext uri="{FF2B5EF4-FFF2-40B4-BE49-F238E27FC236}">
                <a16:creationId xmlns:a16="http://schemas.microsoft.com/office/drawing/2014/main" id="{564239AB-3731-163B-0B56-8BDDEEDEB2CE}"/>
              </a:ext>
            </a:extLst>
          </p:cNvPr>
          <p:cNvSpPr txBox="1"/>
          <p:nvPr/>
        </p:nvSpPr>
        <p:spPr>
          <a:xfrm>
            <a:off x="4688028" y="5240805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C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3373328-0B34-94B4-1F17-8D13252238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50025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16</a:t>
            </a:fld>
            <a:endParaRPr lang="en-US"/>
          </a:p>
        </p:txBody>
      </p:sp>
      <p:sp>
        <p:nvSpPr>
          <p:cNvPr id="86" name="Freeform: Shape 85">
            <a:extLst>
              <a:ext uri="{FF2B5EF4-FFF2-40B4-BE49-F238E27FC236}">
                <a16:creationId xmlns:a16="http://schemas.microsoft.com/office/drawing/2014/main" id="{AFBE983A-C631-F735-2C20-E600DAA60ECC}"/>
              </a:ext>
            </a:extLst>
          </p:cNvPr>
          <p:cNvSpPr/>
          <p:nvPr/>
        </p:nvSpPr>
        <p:spPr>
          <a:xfrm>
            <a:off x="4320805" y="1101995"/>
            <a:ext cx="7871195" cy="5763384"/>
          </a:xfrm>
          <a:custGeom>
            <a:avLst/>
            <a:gdLst>
              <a:gd name="connsiteX0" fmla="*/ 0 w 7896391"/>
              <a:gd name="connsiteY0" fmla="*/ 4718862 h 5673754"/>
              <a:gd name="connsiteX1" fmla="*/ 454741 w 7896391"/>
              <a:gd name="connsiteY1" fmla="*/ 4718862 h 5673754"/>
              <a:gd name="connsiteX2" fmla="*/ 454741 w 7896391"/>
              <a:gd name="connsiteY2" fmla="*/ 4833561 h 5673754"/>
              <a:gd name="connsiteX3" fmla="*/ 0 w 7896391"/>
              <a:gd name="connsiteY3" fmla="*/ 4833561 h 5673754"/>
              <a:gd name="connsiteX4" fmla="*/ 334582 w 7896391"/>
              <a:gd name="connsiteY4" fmla="*/ 4065206 h 5673754"/>
              <a:gd name="connsiteX5" fmla="*/ 454742 w 7896391"/>
              <a:gd name="connsiteY5" fmla="*/ 4065206 h 5673754"/>
              <a:gd name="connsiteX6" fmla="*/ 454742 w 7896391"/>
              <a:gd name="connsiteY6" fmla="*/ 4110925 h 5673754"/>
              <a:gd name="connsiteX7" fmla="*/ 334582 w 7896391"/>
              <a:gd name="connsiteY7" fmla="*/ 4110925 h 5673754"/>
              <a:gd name="connsiteX8" fmla="*/ 455201 w 7896391"/>
              <a:gd name="connsiteY8" fmla="*/ 3622668 h 5673754"/>
              <a:gd name="connsiteX9" fmla="*/ 1203503 w 7896391"/>
              <a:gd name="connsiteY9" fmla="*/ 3622668 h 5673754"/>
              <a:gd name="connsiteX10" fmla="*/ 1203503 w 7896391"/>
              <a:gd name="connsiteY10" fmla="*/ 4861113 h 5673754"/>
              <a:gd name="connsiteX11" fmla="*/ 455201 w 7896391"/>
              <a:gd name="connsiteY11" fmla="*/ 4861113 h 5673754"/>
              <a:gd name="connsiteX12" fmla="*/ 2900476 w 7896391"/>
              <a:gd name="connsiteY12" fmla="*/ 0 h 5673754"/>
              <a:gd name="connsiteX13" fmla="*/ 7896391 w 7896391"/>
              <a:gd name="connsiteY13" fmla="*/ 0 h 5673754"/>
              <a:gd name="connsiteX14" fmla="*/ 7896391 w 7896391"/>
              <a:gd name="connsiteY14" fmla="*/ 5673754 h 5673754"/>
              <a:gd name="connsiteX15" fmla="*/ 2900476 w 7896391"/>
              <a:gd name="connsiteY15" fmla="*/ 5673754 h 5673754"/>
              <a:gd name="connsiteX16" fmla="*/ 2900476 w 7896391"/>
              <a:gd name="connsiteY16" fmla="*/ 5666375 h 5673754"/>
              <a:gd name="connsiteX17" fmla="*/ 1203962 w 7896391"/>
              <a:gd name="connsiteY17" fmla="*/ 5666375 h 5673754"/>
              <a:gd name="connsiteX18" fmla="*/ 1203962 w 7896391"/>
              <a:gd name="connsiteY18" fmla="*/ 2069964 h 5673754"/>
              <a:gd name="connsiteX19" fmla="*/ 2900476 w 7896391"/>
              <a:gd name="connsiteY19" fmla="*/ 2069964 h 5673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7896391" h="5673754">
                <a:moveTo>
                  <a:pt x="0" y="4718862"/>
                </a:moveTo>
                <a:lnTo>
                  <a:pt x="454741" y="4718862"/>
                </a:lnTo>
                <a:lnTo>
                  <a:pt x="454741" y="4833561"/>
                </a:lnTo>
                <a:lnTo>
                  <a:pt x="0" y="4833561"/>
                </a:lnTo>
                <a:close/>
                <a:moveTo>
                  <a:pt x="334582" y="4065206"/>
                </a:moveTo>
                <a:lnTo>
                  <a:pt x="454742" y="4065206"/>
                </a:lnTo>
                <a:lnTo>
                  <a:pt x="454742" y="4110925"/>
                </a:lnTo>
                <a:lnTo>
                  <a:pt x="334582" y="4110925"/>
                </a:lnTo>
                <a:close/>
                <a:moveTo>
                  <a:pt x="455201" y="3622668"/>
                </a:moveTo>
                <a:lnTo>
                  <a:pt x="1203503" y="3622668"/>
                </a:lnTo>
                <a:lnTo>
                  <a:pt x="1203503" y="4861113"/>
                </a:lnTo>
                <a:lnTo>
                  <a:pt x="455201" y="4861113"/>
                </a:lnTo>
                <a:close/>
                <a:moveTo>
                  <a:pt x="2900476" y="0"/>
                </a:moveTo>
                <a:lnTo>
                  <a:pt x="7896391" y="0"/>
                </a:lnTo>
                <a:lnTo>
                  <a:pt x="7896391" y="5673754"/>
                </a:lnTo>
                <a:lnTo>
                  <a:pt x="2900476" y="5673754"/>
                </a:lnTo>
                <a:lnTo>
                  <a:pt x="2900476" y="5666375"/>
                </a:lnTo>
                <a:lnTo>
                  <a:pt x="1203962" y="5666375"/>
                </a:lnTo>
                <a:lnTo>
                  <a:pt x="1203962" y="2069964"/>
                </a:lnTo>
                <a:lnTo>
                  <a:pt x="2900476" y="2069964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CA"/>
          </a:p>
        </p:txBody>
      </p:sp>
      <p:grpSp>
        <p:nvGrpSpPr>
          <p:cNvPr id="129" name="Group 128">
            <a:extLst>
              <a:ext uri="{FF2B5EF4-FFF2-40B4-BE49-F238E27FC236}">
                <a16:creationId xmlns:a16="http://schemas.microsoft.com/office/drawing/2014/main" id="{F839687D-60B2-4993-BCB8-5E2171AC774D}"/>
              </a:ext>
            </a:extLst>
          </p:cNvPr>
          <p:cNvGrpSpPr/>
          <p:nvPr/>
        </p:nvGrpSpPr>
        <p:grpSpPr>
          <a:xfrm>
            <a:off x="8722536" y="4485270"/>
            <a:ext cx="520345" cy="1828059"/>
            <a:chOff x="6014261" y="4532895"/>
            <a:chExt cx="806372" cy="1828059"/>
          </a:xfrm>
        </p:grpSpPr>
        <p:sp>
          <p:nvSpPr>
            <p:cNvPr id="87" name="object 57">
              <a:extLst>
                <a:ext uri="{FF2B5EF4-FFF2-40B4-BE49-F238E27FC236}">
                  <a16:creationId xmlns:a16="http://schemas.microsoft.com/office/drawing/2014/main" id="{D0C64040-4FF9-BD78-2D41-8508D4F09195}"/>
                </a:ext>
              </a:extLst>
            </p:cNvPr>
            <p:cNvSpPr/>
            <p:nvPr/>
          </p:nvSpPr>
          <p:spPr>
            <a:xfrm>
              <a:off x="6022851" y="4532895"/>
              <a:ext cx="797782" cy="1828059"/>
            </a:xfrm>
            <a:custGeom>
              <a:avLst/>
              <a:gdLst/>
              <a:ahLst/>
              <a:cxnLst/>
              <a:rect l="l" t="t" r="r" b="b"/>
              <a:pathLst>
                <a:path w="124459" h="413385">
                  <a:moveTo>
                    <a:pt x="122810" y="0"/>
                  </a:moveTo>
                  <a:lnTo>
                    <a:pt x="0" y="99697"/>
                  </a:lnTo>
                  <a:lnTo>
                    <a:pt x="584" y="314317"/>
                  </a:lnTo>
                  <a:lnTo>
                    <a:pt x="123938" y="413346"/>
                  </a:lnTo>
                  <a:lnTo>
                    <a:pt x="122810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04" name="object 159">
              <a:extLst>
                <a:ext uri="{FF2B5EF4-FFF2-40B4-BE49-F238E27FC236}">
                  <a16:creationId xmlns:a16="http://schemas.microsoft.com/office/drawing/2014/main" id="{65BBC595-CC3A-F0E2-072B-651B868218B7}"/>
                </a:ext>
              </a:extLst>
            </p:cNvPr>
            <p:cNvSpPr txBox="1"/>
            <p:nvPr/>
          </p:nvSpPr>
          <p:spPr>
            <a:xfrm rot="21420000">
              <a:off x="6014261" y="4571283"/>
              <a:ext cx="252232" cy="23403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795"/>
                </a:lnSpc>
              </a:pPr>
              <a:r>
                <a:rPr sz="1800" spc="25">
                  <a:solidFill>
                    <a:srgbClr val="00B050"/>
                  </a:solidFill>
                  <a:cs typeface="Calibri"/>
                </a:rPr>
                <a:t>γ</a:t>
              </a:r>
              <a:endParaRPr sz="1800">
                <a:solidFill>
                  <a:srgbClr val="00B050"/>
                </a:solidFill>
                <a:cs typeface="Calibri"/>
              </a:endParaRPr>
            </a:p>
          </p:txBody>
        </p:sp>
      </p:grpSp>
      <p:grpSp>
        <p:nvGrpSpPr>
          <p:cNvPr id="128" name="Group 127">
            <a:extLst>
              <a:ext uri="{FF2B5EF4-FFF2-40B4-BE49-F238E27FC236}">
                <a16:creationId xmlns:a16="http://schemas.microsoft.com/office/drawing/2014/main" id="{28F823D8-C970-74D9-AA9E-389EA36EF19C}"/>
              </a:ext>
            </a:extLst>
          </p:cNvPr>
          <p:cNvGrpSpPr/>
          <p:nvPr/>
        </p:nvGrpSpPr>
        <p:grpSpPr>
          <a:xfrm>
            <a:off x="8097354" y="5054935"/>
            <a:ext cx="1431726" cy="1548805"/>
            <a:chOff x="5389079" y="5102560"/>
            <a:chExt cx="1431726" cy="1548805"/>
          </a:xfrm>
        </p:grpSpPr>
        <p:sp>
          <p:nvSpPr>
            <p:cNvPr id="106" name="object 142">
              <a:extLst>
                <a:ext uri="{FF2B5EF4-FFF2-40B4-BE49-F238E27FC236}">
                  <a16:creationId xmlns:a16="http://schemas.microsoft.com/office/drawing/2014/main" id="{A3D0F20B-FE25-A840-FDEA-9C5D0263EDF9}"/>
                </a:ext>
              </a:extLst>
            </p:cNvPr>
            <p:cNvSpPr/>
            <p:nvPr/>
          </p:nvSpPr>
          <p:spPr>
            <a:xfrm>
              <a:off x="5871651" y="5111664"/>
              <a:ext cx="155955" cy="677820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07" name="Straight Arrow Connector 106">
              <a:extLst>
                <a:ext uri="{FF2B5EF4-FFF2-40B4-BE49-F238E27FC236}">
                  <a16:creationId xmlns:a16="http://schemas.microsoft.com/office/drawing/2014/main" id="{E2684868-090E-AFC0-0E25-61A6C831D0A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430396" y="5449033"/>
              <a:ext cx="401855" cy="2752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5" name="TextBox 114">
              <a:extLst>
                <a:ext uri="{FF2B5EF4-FFF2-40B4-BE49-F238E27FC236}">
                  <a16:creationId xmlns:a16="http://schemas.microsoft.com/office/drawing/2014/main" id="{64DF4AD8-D7C0-72A8-D94D-E4E56602DDD4}"/>
                </a:ext>
              </a:extLst>
            </p:cNvPr>
            <p:cNvSpPr txBox="1"/>
            <p:nvPr/>
          </p:nvSpPr>
          <p:spPr>
            <a:xfrm>
              <a:off x="5389079" y="5102560"/>
              <a:ext cx="637756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522BF05D-98DE-12B2-C136-D6331C360F68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885337" y="5774913"/>
              <a:ext cx="59036" cy="586041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32902481-7916-A94F-0B34-B5FF992B7AAE}"/>
                </a:ext>
              </a:extLst>
            </p:cNvPr>
            <p:cNvSpPr txBox="1"/>
            <p:nvPr/>
          </p:nvSpPr>
          <p:spPr>
            <a:xfrm>
              <a:off x="5390572" y="6343588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Converter</a:t>
              </a:r>
            </a:p>
          </p:txBody>
        </p:sp>
      </p:grpSp>
      <p:grpSp>
        <p:nvGrpSpPr>
          <p:cNvPr id="130" name="Group 129">
            <a:extLst>
              <a:ext uri="{FF2B5EF4-FFF2-40B4-BE49-F238E27FC236}">
                <a16:creationId xmlns:a16="http://schemas.microsoft.com/office/drawing/2014/main" id="{9A222E9D-F6FD-0737-0016-7FF9B60CC5B8}"/>
              </a:ext>
            </a:extLst>
          </p:cNvPr>
          <p:cNvGrpSpPr/>
          <p:nvPr/>
        </p:nvGrpSpPr>
        <p:grpSpPr>
          <a:xfrm>
            <a:off x="8839822" y="4220312"/>
            <a:ext cx="1663001" cy="2390146"/>
            <a:chOff x="6388722" y="4267937"/>
            <a:chExt cx="1663001" cy="2390146"/>
          </a:xfrm>
        </p:grpSpPr>
        <p:sp>
          <p:nvSpPr>
            <p:cNvPr id="97" name="object 138">
              <a:extLst>
                <a:ext uri="{FF2B5EF4-FFF2-40B4-BE49-F238E27FC236}">
                  <a16:creationId xmlns:a16="http://schemas.microsoft.com/office/drawing/2014/main" id="{3152C2D5-3B3D-759F-219F-451C9D96EFBE}"/>
                </a:ext>
              </a:extLst>
            </p:cNvPr>
            <p:cNvSpPr/>
            <p:nvPr/>
          </p:nvSpPr>
          <p:spPr>
            <a:xfrm>
              <a:off x="6388722" y="5168019"/>
              <a:ext cx="595816" cy="569666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02" name="object 142">
              <a:extLst>
                <a:ext uri="{FF2B5EF4-FFF2-40B4-BE49-F238E27FC236}">
                  <a16:creationId xmlns:a16="http://schemas.microsoft.com/office/drawing/2014/main" id="{8A4CE189-768B-4F60-46E4-02DA93B30A4A}"/>
                </a:ext>
              </a:extLst>
            </p:cNvPr>
            <p:cNvSpPr/>
            <p:nvPr/>
          </p:nvSpPr>
          <p:spPr>
            <a:xfrm>
              <a:off x="6899111" y="4835108"/>
              <a:ext cx="133727" cy="724408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32D23E65-0E29-E4BA-6DAE-284471FECE2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960408" y="4267937"/>
              <a:ext cx="0" cy="569225"/>
            </a:xfrm>
            <a:prstGeom prst="straightConnector1">
              <a:avLst/>
            </a:prstGeom>
            <a:ln w="285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2952A16E-A569-1834-36AE-5940073A9A01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896685" y="5644935"/>
              <a:ext cx="63723" cy="724408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3" name="TextBox 122">
              <a:extLst>
                <a:ext uri="{FF2B5EF4-FFF2-40B4-BE49-F238E27FC236}">
                  <a16:creationId xmlns:a16="http://schemas.microsoft.com/office/drawing/2014/main" id="{AA3AE837-B1C5-1AEB-E22D-47748CEDC303}"/>
                </a:ext>
              </a:extLst>
            </p:cNvPr>
            <p:cNvSpPr txBox="1"/>
            <p:nvPr/>
          </p:nvSpPr>
          <p:spPr>
            <a:xfrm>
              <a:off x="6621490" y="6350306"/>
              <a:ext cx="143023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Target</a:t>
              </a:r>
            </a:p>
          </p:txBody>
        </p:sp>
        <p:cxnSp>
          <p:nvCxnSpPr>
            <p:cNvPr id="95" name="Straight Connector 94">
              <a:extLst>
                <a:ext uri="{FF2B5EF4-FFF2-40B4-BE49-F238E27FC236}">
                  <a16:creationId xmlns:a16="http://schemas.microsoft.com/office/drawing/2014/main" id="{09FED54A-091E-5BEC-9313-07E54AE49B16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030925" y="5210089"/>
              <a:ext cx="135474" cy="386924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3" name="TextBox 102">
              <a:extLst>
                <a:ext uri="{FF2B5EF4-FFF2-40B4-BE49-F238E27FC236}">
                  <a16:creationId xmlns:a16="http://schemas.microsoft.com/office/drawing/2014/main" id="{0F2FF409-E2E2-EEE6-96C8-A43340676C23}"/>
                </a:ext>
              </a:extLst>
            </p:cNvPr>
            <p:cNvSpPr txBox="1"/>
            <p:nvPr/>
          </p:nvSpPr>
          <p:spPr>
            <a:xfrm>
              <a:off x="6999920" y="5559678"/>
              <a:ext cx="755018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Ion Source</a:t>
              </a:r>
            </a:p>
          </p:txBody>
        </p:sp>
      </p:grpSp>
      <p:grpSp>
        <p:nvGrpSpPr>
          <p:cNvPr id="89" name="Group 88">
            <a:extLst>
              <a:ext uri="{FF2B5EF4-FFF2-40B4-BE49-F238E27FC236}">
                <a16:creationId xmlns:a16="http://schemas.microsoft.com/office/drawing/2014/main" id="{9F294E12-9D2A-5C40-BA35-0942D65DA5EF}"/>
              </a:ext>
            </a:extLst>
          </p:cNvPr>
          <p:cNvGrpSpPr/>
          <p:nvPr/>
        </p:nvGrpSpPr>
        <p:grpSpPr>
          <a:xfrm>
            <a:off x="7202820" y="3954828"/>
            <a:ext cx="4915227" cy="2903172"/>
            <a:chOff x="7222533" y="3865207"/>
            <a:chExt cx="4915227" cy="2903172"/>
          </a:xfrm>
        </p:grpSpPr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0A5E5F93-93F6-1D0E-3126-C2ED923EE9CA}"/>
                </a:ext>
              </a:extLst>
            </p:cNvPr>
            <p:cNvGrpSpPr/>
            <p:nvPr/>
          </p:nvGrpSpPr>
          <p:grpSpPr>
            <a:xfrm>
              <a:off x="7222533" y="3865207"/>
              <a:ext cx="4915227" cy="2903172"/>
              <a:chOff x="7300539" y="3822383"/>
              <a:chExt cx="4915227" cy="2903172"/>
            </a:xfrm>
          </p:grpSpPr>
          <p:sp>
            <p:nvSpPr>
              <p:cNvPr id="82" name="TextBox 81">
                <a:extLst>
                  <a:ext uri="{FF2B5EF4-FFF2-40B4-BE49-F238E27FC236}">
                    <a16:creationId xmlns:a16="http://schemas.microsoft.com/office/drawing/2014/main" id="{23457F7E-45D2-B2C8-B0B5-28BBE0839BE7}"/>
                  </a:ext>
                </a:extLst>
              </p:cNvPr>
              <p:cNvSpPr txBox="1"/>
              <p:nvPr/>
            </p:nvSpPr>
            <p:spPr>
              <a:xfrm>
                <a:off x="11614924" y="3822383"/>
                <a:ext cx="600842" cy="261610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pPr algn="r"/>
                <a:r>
                  <a:rPr lang="en-US" sz="1100"/>
                  <a:t>[1/s]</a:t>
                </a:r>
              </a:p>
            </p:txBody>
          </p:sp>
          <p:pic>
            <p:nvPicPr>
              <p:cNvPr id="96" name="Picture 95" descr="A graph of a graph showing a number of electrons&#10;&#10;Description automatically generated">
                <a:extLst>
                  <a:ext uri="{FF2B5EF4-FFF2-40B4-BE49-F238E27FC236}">
                    <a16:creationId xmlns:a16="http://schemas.microsoft.com/office/drawing/2014/main" id="{65D93DD8-D4C3-2471-5350-4867C9B5C5E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4934" r="4202"/>
              <a:stretch/>
            </p:blipFill>
            <p:spPr>
              <a:xfrm>
                <a:off x="7300539" y="3852149"/>
                <a:ext cx="4564240" cy="2873406"/>
              </a:xfrm>
              <a:prstGeom prst="rect">
                <a:avLst/>
              </a:prstGeom>
            </p:spPr>
          </p:pic>
        </p:grpSp>
        <p:sp>
          <p:nvSpPr>
            <p:cNvPr id="93" name="TextBox 92">
              <a:extLst>
                <a:ext uri="{FF2B5EF4-FFF2-40B4-BE49-F238E27FC236}">
                  <a16:creationId xmlns:a16="http://schemas.microsoft.com/office/drawing/2014/main" id="{2377C2EC-BC08-3551-8CCC-2FF4F2BF35F0}"/>
                </a:ext>
              </a:extLst>
            </p:cNvPr>
            <p:cNvSpPr txBox="1"/>
            <p:nvPr/>
          </p:nvSpPr>
          <p:spPr>
            <a:xfrm>
              <a:off x="9613949" y="5756006"/>
              <a:ext cx="1657204" cy="36933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ctr"/>
              <a:r>
                <a:rPr lang="en-CA">
                  <a:solidFill>
                    <a:srgbClr val="002060"/>
                  </a:solidFill>
                </a:rPr>
                <a:t>Future AETE</a:t>
              </a:r>
            </a:p>
          </p:txBody>
        </p:sp>
      </p:grpSp>
      <p:grpSp>
        <p:nvGrpSpPr>
          <p:cNvPr id="61" name="Group 60">
            <a:extLst>
              <a:ext uri="{FF2B5EF4-FFF2-40B4-BE49-F238E27FC236}">
                <a16:creationId xmlns:a16="http://schemas.microsoft.com/office/drawing/2014/main" id="{3F7B0D16-4CC8-B602-B1DE-B8ED0664E95A}"/>
              </a:ext>
            </a:extLst>
          </p:cNvPr>
          <p:cNvGrpSpPr/>
          <p:nvPr/>
        </p:nvGrpSpPr>
        <p:grpSpPr>
          <a:xfrm>
            <a:off x="7316571" y="1070525"/>
            <a:ext cx="4790311" cy="2914848"/>
            <a:chOff x="6066735" y="1673467"/>
            <a:chExt cx="4790311" cy="2914848"/>
          </a:xfrm>
        </p:grpSpPr>
        <p:sp>
          <p:nvSpPr>
            <p:cNvPr id="73" name="TextBox 72">
              <a:extLst>
                <a:ext uri="{FF2B5EF4-FFF2-40B4-BE49-F238E27FC236}">
                  <a16:creationId xmlns:a16="http://schemas.microsoft.com/office/drawing/2014/main" id="{1BE09968-81AC-617D-664F-450BB6115A50}"/>
                </a:ext>
              </a:extLst>
            </p:cNvPr>
            <p:cNvSpPr txBox="1"/>
            <p:nvPr/>
          </p:nvSpPr>
          <p:spPr>
            <a:xfrm>
              <a:off x="10256204" y="1673467"/>
              <a:ext cx="600842" cy="26161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1100"/>
                <a:t>[1/s]</a:t>
              </a:r>
            </a:p>
          </p:txBody>
        </p:sp>
        <p:pic>
          <p:nvPicPr>
            <p:cNvPr id="78" name="Picture 77" descr="A graph showing a graph showing a number of electrons&#10;&#10;Description automatically generated">
              <a:extLst>
                <a:ext uri="{FF2B5EF4-FFF2-40B4-BE49-F238E27FC236}">
                  <a16:creationId xmlns:a16="http://schemas.microsoft.com/office/drawing/2014/main" id="{0776AED0-A474-D827-9419-9B93F1CF78F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384" r="4722"/>
            <a:stretch>
              <a:fillRect/>
            </a:stretch>
          </p:blipFill>
          <p:spPr>
            <a:xfrm>
              <a:off x="6066735" y="1764737"/>
              <a:ext cx="4435705" cy="2823578"/>
            </a:xfrm>
            <a:prstGeom prst="rect">
              <a:avLst/>
            </a:prstGeom>
          </p:spPr>
        </p:pic>
      </p:grpSp>
      <p:sp>
        <p:nvSpPr>
          <p:cNvPr id="92" name="TextBox 91">
            <a:extLst>
              <a:ext uri="{FF2B5EF4-FFF2-40B4-BE49-F238E27FC236}">
                <a16:creationId xmlns:a16="http://schemas.microsoft.com/office/drawing/2014/main" id="{91831E8B-EC73-9872-7D46-0DCC6AC6E23F}"/>
              </a:ext>
            </a:extLst>
          </p:cNvPr>
          <p:cNvSpPr txBox="1"/>
          <p:nvPr/>
        </p:nvSpPr>
        <p:spPr>
          <a:xfrm>
            <a:off x="9893301" y="2687101"/>
            <a:ext cx="1412791" cy="58477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CA" sz="1600">
                <a:solidFill>
                  <a:srgbClr val="00B0F0"/>
                </a:solidFill>
              </a:rPr>
              <a:t>Current ISAC Future APTW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8A5E214-C118-403C-C5D3-1D97D2F32FBB}"/>
              </a:ext>
            </a:extLst>
          </p:cNvPr>
          <p:cNvSpPr/>
          <p:nvPr/>
        </p:nvSpPr>
        <p:spPr>
          <a:xfrm>
            <a:off x="13283" y="999704"/>
            <a:ext cx="7338415" cy="5763384"/>
          </a:xfrm>
          <a:prstGeom prst="rect">
            <a:avLst/>
          </a:prstGeom>
          <a:solidFill>
            <a:srgbClr val="FFFFFF">
              <a:alpha val="40000"/>
            </a:srgb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13" name="Content Placeholder 5" descr="A graph of a graph showing a number of electrons&#10;&#10;Description automatically generated">
            <a:extLst>
              <a:ext uri="{FF2B5EF4-FFF2-40B4-BE49-F238E27FC236}">
                <a16:creationId xmlns:a16="http://schemas.microsoft.com/office/drawing/2014/main" id="{CA1EEC01-1C59-CAD9-817D-6A9295681200}"/>
              </a:ext>
            </a:extLst>
          </p:cNvPr>
          <p:cNvPicPr>
            <a:picLocks noGrp="1" noChangeAspect="1"/>
          </p:cNvPicPr>
          <p:nvPr>
            <p:ph sz="quarter" idx="26"/>
          </p:nvPr>
        </p:nvPicPr>
        <p:blipFill>
          <a:blip r:embed="rId5"/>
          <a:stretch>
            <a:fillRect/>
          </a:stretch>
        </p:blipFill>
        <p:spPr>
          <a:xfrm>
            <a:off x="13283" y="1549433"/>
            <a:ext cx="7114127" cy="4069490"/>
          </a:xfrm>
        </p:spPr>
      </p:pic>
    </p:spTree>
    <p:extLst>
      <p:ext uri="{BB962C8B-B14F-4D97-AF65-F5344CB8AC3E}">
        <p14:creationId xmlns:p14="http://schemas.microsoft.com/office/powerpoint/2010/main" val="302525031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9A4669C7-F78B-4AB8-5BAA-36F4819614B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Compact, modular shielding approach – similar to ISAC</a:t>
            </a:r>
            <a:endParaRPr lang="en-CA"/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1B54B1CF-5E56-167D-4C94-0F2235E2C02F}"/>
              </a:ext>
            </a:extLst>
          </p:cNvPr>
          <p:cNvGrpSpPr/>
          <p:nvPr/>
        </p:nvGrpSpPr>
        <p:grpSpPr>
          <a:xfrm>
            <a:off x="7095552" y="990480"/>
            <a:ext cx="5096448" cy="5545506"/>
            <a:chOff x="6827371" y="990480"/>
            <a:chExt cx="5096448" cy="5545506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938CE7DE-5154-2E00-095B-35F9AA02741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827371" y="1316183"/>
              <a:ext cx="4941000" cy="5219803"/>
            </a:xfrm>
            <a:prstGeom prst="rect">
              <a:avLst/>
            </a:prstGeom>
          </p:spPr>
        </p:pic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6BDEBD83-3162-8BFE-E730-C5CAE990ACD2}"/>
                </a:ext>
              </a:extLst>
            </p:cNvPr>
            <p:cNvCxnSpPr>
              <a:cxnSpLocks/>
            </p:cNvCxnSpPr>
            <p:nvPr/>
          </p:nvCxnSpPr>
          <p:spPr>
            <a:xfrm>
              <a:off x="6970776" y="4696260"/>
              <a:ext cx="1764792" cy="0"/>
            </a:xfrm>
            <a:prstGeom prst="straightConnector1">
              <a:avLst/>
            </a:prstGeom>
            <a:ln w="28575">
              <a:solidFill>
                <a:srgbClr val="009FE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F6AE3162-A1D4-9715-B3E4-32DC1EABEA20}"/>
                </a:ext>
              </a:extLst>
            </p:cNvPr>
            <p:cNvSpPr txBox="1"/>
            <p:nvPr/>
          </p:nvSpPr>
          <p:spPr>
            <a:xfrm>
              <a:off x="11213556" y="1127087"/>
              <a:ext cx="710263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200">
                  <a:solidFill>
                    <a:schemeClr val="tx1"/>
                  </a:solidFill>
                </a:rPr>
                <a:t>[µ</a:t>
              </a:r>
              <a:r>
                <a:rPr lang="en-US" sz="1200" err="1">
                  <a:solidFill>
                    <a:schemeClr val="tx1"/>
                  </a:solidFill>
                </a:rPr>
                <a:t>Sv</a:t>
              </a:r>
              <a:r>
                <a:rPr lang="en-US" sz="1200">
                  <a:solidFill>
                    <a:schemeClr val="tx1"/>
                  </a:solidFill>
                </a:rPr>
                <a:t>/h]</a:t>
              </a:r>
              <a:endParaRPr lang="en-CA" sz="1200"/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3E34384B-FE3C-E494-643D-E10D7B99ECFA}"/>
                </a:ext>
              </a:extLst>
            </p:cNvPr>
            <p:cNvSpPr txBox="1"/>
            <p:nvPr/>
          </p:nvSpPr>
          <p:spPr>
            <a:xfrm>
              <a:off x="7571232" y="990480"/>
              <a:ext cx="3384528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/>
                <a:t>P</a:t>
              </a:r>
              <a:r>
                <a:rPr lang="en-US" baseline="30000"/>
                <a:t>+</a:t>
              </a:r>
              <a:r>
                <a:rPr lang="en-US"/>
                <a:t> beam on APTW at 100 µA</a:t>
              </a:r>
              <a:endParaRPr lang="en-CA"/>
            </a:p>
          </p:txBody>
        </p:sp>
      </p:grpSp>
      <p:pic>
        <p:nvPicPr>
          <p:cNvPr id="27" name="Picture 26">
            <a:extLst>
              <a:ext uri="{FF2B5EF4-FFF2-40B4-BE49-F238E27FC236}">
                <a16:creationId xmlns:a16="http://schemas.microsoft.com/office/drawing/2014/main" id="{21FB9964-D344-25A6-317F-36B7985DCC2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1670" y="1060704"/>
            <a:ext cx="5313492" cy="5416941"/>
          </a:xfrm>
          <a:prstGeom prst="rect">
            <a:avLst/>
          </a:prstGeom>
        </p:spPr>
      </p:pic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C15470DB-8509-F751-77BD-977E973E6DF5}"/>
              </a:ext>
            </a:extLst>
          </p:cNvPr>
          <p:cNvCxnSpPr>
            <a:cxnSpLocks/>
          </p:cNvCxnSpPr>
          <p:nvPr/>
        </p:nvCxnSpPr>
        <p:spPr>
          <a:xfrm>
            <a:off x="146986" y="4619708"/>
            <a:ext cx="2120726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C6780533-C3D3-8D46-30BE-45B32F09DA01}"/>
              </a:ext>
            </a:extLst>
          </p:cNvPr>
          <p:cNvCxnSpPr>
            <a:cxnSpLocks/>
          </p:cNvCxnSpPr>
          <p:nvPr/>
        </p:nvCxnSpPr>
        <p:spPr>
          <a:xfrm flipH="1" flipV="1">
            <a:off x="2431921" y="4791158"/>
            <a:ext cx="768479" cy="1706728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2BFB4C0F-1B22-B2B8-780D-BC505B42CFDC}"/>
              </a:ext>
            </a:extLst>
          </p:cNvPr>
          <p:cNvCxnSpPr>
            <a:cxnSpLocks/>
          </p:cNvCxnSpPr>
          <p:nvPr/>
        </p:nvCxnSpPr>
        <p:spPr>
          <a:xfrm flipH="1" flipV="1">
            <a:off x="4351397" y="4791158"/>
            <a:ext cx="768479" cy="1706728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0724D38C-18C2-947B-F501-F6CCE1ED3407}"/>
              </a:ext>
            </a:extLst>
          </p:cNvPr>
          <p:cNvCxnSpPr>
            <a:cxnSpLocks/>
          </p:cNvCxnSpPr>
          <p:nvPr/>
        </p:nvCxnSpPr>
        <p:spPr>
          <a:xfrm>
            <a:off x="2642616" y="4370832"/>
            <a:ext cx="6099048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585D2E87-F7CE-93AE-D244-8917314496F8}"/>
              </a:ext>
            </a:extLst>
          </p:cNvPr>
          <p:cNvCxnSpPr>
            <a:cxnSpLocks/>
          </p:cNvCxnSpPr>
          <p:nvPr/>
        </p:nvCxnSpPr>
        <p:spPr>
          <a:xfrm>
            <a:off x="2642616" y="3666744"/>
            <a:ext cx="6099048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Rectangle 37">
            <a:extLst>
              <a:ext uri="{FF2B5EF4-FFF2-40B4-BE49-F238E27FC236}">
                <a16:creationId xmlns:a16="http://schemas.microsoft.com/office/drawing/2014/main" id="{CCD089C5-DA6A-1439-5F90-BB83905655BB}"/>
              </a:ext>
            </a:extLst>
          </p:cNvPr>
          <p:cNvSpPr/>
          <p:nvPr/>
        </p:nvSpPr>
        <p:spPr>
          <a:xfrm>
            <a:off x="1965960" y="3666744"/>
            <a:ext cx="676656" cy="704088"/>
          </a:xfrm>
          <a:prstGeom prst="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0CE19305-DD09-1E5E-05A5-0E7DBB2A8DCC}"/>
              </a:ext>
            </a:extLst>
          </p:cNvPr>
          <p:cNvSpPr/>
          <p:nvPr/>
        </p:nvSpPr>
        <p:spPr>
          <a:xfrm>
            <a:off x="8210551" y="2510993"/>
            <a:ext cx="1216914" cy="635001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BADA5D3A-EE54-D6F7-0436-28FD66C52133}"/>
              </a:ext>
            </a:extLst>
          </p:cNvPr>
          <p:cNvSpPr/>
          <p:nvPr/>
        </p:nvSpPr>
        <p:spPr>
          <a:xfrm>
            <a:off x="1536192" y="2510993"/>
            <a:ext cx="1490472" cy="639850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BC9BCD1B-F494-F555-B242-710F57195A30}"/>
              </a:ext>
            </a:extLst>
          </p:cNvPr>
          <p:cNvSpPr/>
          <p:nvPr/>
        </p:nvSpPr>
        <p:spPr>
          <a:xfrm>
            <a:off x="8650224" y="3697031"/>
            <a:ext cx="685800" cy="696748"/>
          </a:xfrm>
          <a:prstGeom prst="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8D754FD3-0D2D-AEC1-A1DE-065F8DF6D4E2}"/>
              </a:ext>
            </a:extLst>
          </p:cNvPr>
          <p:cNvSpPr txBox="1"/>
          <p:nvPr/>
        </p:nvSpPr>
        <p:spPr>
          <a:xfrm>
            <a:off x="5452057" y="3710872"/>
            <a:ext cx="175173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>
                <a:solidFill>
                  <a:srgbClr val="00B050"/>
                </a:solidFill>
              </a:rPr>
              <a:t>~2.5m tall </a:t>
            </a:r>
          </a:p>
          <a:p>
            <a:pPr algn="ctr"/>
            <a:r>
              <a:rPr lang="en-US">
                <a:solidFill>
                  <a:srgbClr val="00B050"/>
                </a:solidFill>
              </a:rPr>
              <a:t>Steel “plugs”</a:t>
            </a:r>
            <a:endParaRPr lang="en-CA">
              <a:solidFill>
                <a:srgbClr val="00B050"/>
              </a:solidFill>
            </a:endParaRPr>
          </a:p>
        </p:txBody>
      </p: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7907ACD1-7DEE-7079-E0A2-43EA13D271E2}"/>
              </a:ext>
            </a:extLst>
          </p:cNvPr>
          <p:cNvCxnSpPr>
            <a:cxnSpLocks/>
          </p:cNvCxnSpPr>
          <p:nvPr/>
        </p:nvCxnSpPr>
        <p:spPr>
          <a:xfrm>
            <a:off x="3041978" y="3145994"/>
            <a:ext cx="5168572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11C20607-BC22-E2B4-4876-6CC2C83E585A}"/>
              </a:ext>
            </a:extLst>
          </p:cNvPr>
          <p:cNvCxnSpPr>
            <a:cxnSpLocks/>
          </p:cNvCxnSpPr>
          <p:nvPr/>
        </p:nvCxnSpPr>
        <p:spPr>
          <a:xfrm>
            <a:off x="3046476" y="2510993"/>
            <a:ext cx="5195030" cy="0"/>
          </a:xfrm>
          <a:prstGeom prst="line">
            <a:avLst/>
          </a:prstGeom>
          <a:ln w="28575">
            <a:solidFill>
              <a:schemeClr val="tx1"/>
            </a:solidFill>
            <a:prstDash val="dash"/>
          </a:ln>
          <a:effectLst>
            <a:glow rad="63500">
              <a:schemeClr val="bg1"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Box 44">
            <a:extLst>
              <a:ext uri="{FF2B5EF4-FFF2-40B4-BE49-F238E27FC236}">
                <a16:creationId xmlns:a16="http://schemas.microsoft.com/office/drawing/2014/main" id="{48C06A55-F9B2-0387-E792-DC2DFF69E82D}"/>
              </a:ext>
            </a:extLst>
          </p:cNvPr>
          <p:cNvSpPr txBox="1"/>
          <p:nvPr/>
        </p:nvSpPr>
        <p:spPr>
          <a:xfrm>
            <a:off x="5319414" y="2513255"/>
            <a:ext cx="233363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>
                <a:solidFill>
                  <a:srgbClr val="FF0000"/>
                </a:solidFill>
              </a:rPr>
              <a:t>~2m tall </a:t>
            </a:r>
          </a:p>
          <a:p>
            <a:pPr algn="ctr"/>
            <a:r>
              <a:rPr lang="en-US">
                <a:solidFill>
                  <a:srgbClr val="FF0000"/>
                </a:solidFill>
              </a:rPr>
              <a:t>Steel + Concrete</a:t>
            </a:r>
            <a:endParaRPr lang="en-CA">
              <a:solidFill>
                <a:srgbClr val="FF0000"/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21252EB-4DD1-FF30-6641-5A500AB05F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17</a:t>
            </a:fld>
            <a:endParaRPr lang="en-US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96A51CC-3E80-B1DC-08F1-0EB3BA09DC95}"/>
              </a:ext>
            </a:extLst>
          </p:cNvPr>
          <p:cNvSpPr txBox="1"/>
          <p:nvPr/>
        </p:nvSpPr>
        <p:spPr>
          <a:xfrm>
            <a:off x="2304289" y="6462697"/>
            <a:ext cx="167716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/>
              <a:t>APTW target</a:t>
            </a:r>
            <a:endParaRPr lang="en-CA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F058DFAB-CD6F-6CB0-5CFF-163A1B7E7238}"/>
              </a:ext>
            </a:extLst>
          </p:cNvPr>
          <p:cNvSpPr txBox="1"/>
          <p:nvPr/>
        </p:nvSpPr>
        <p:spPr>
          <a:xfrm>
            <a:off x="4735637" y="6472867"/>
            <a:ext cx="167716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/>
              <a:t>AETE target</a:t>
            </a:r>
            <a:endParaRPr lang="en-CA"/>
          </a:p>
        </p:txBody>
      </p:sp>
      <p:pic>
        <p:nvPicPr>
          <p:cNvPr id="16" name="Picture 10" descr="Technician - Free user icons">
            <a:extLst>
              <a:ext uri="{FF2B5EF4-FFF2-40B4-BE49-F238E27FC236}">
                <a16:creationId xmlns:a16="http://schemas.microsoft.com/office/drawing/2014/main" id="{71C93920-9518-408B-56C8-8A1B5F81BE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31154" y="1626045"/>
            <a:ext cx="804870" cy="8048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307430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8" grpId="0" animBg="1"/>
      <p:bldP spid="39" grpId="0" animBg="1"/>
      <p:bldP spid="40" grpId="0" animBg="1"/>
      <p:bldP spid="41" grpId="0" animBg="1"/>
      <p:bldP spid="42" grpId="0"/>
      <p:bldP spid="45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D21BC59-19EF-4194-09AA-4194F8CA8720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ISAC target lifetime and sequence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DBBA6AA-614B-C1C8-FABB-94EC3B4FA7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18</a:t>
            </a:fld>
            <a:endParaRPr lang="en-US"/>
          </a:p>
        </p:txBody>
      </p:sp>
      <p:sp>
        <p:nvSpPr>
          <p:cNvPr id="67" name="Rectangle: Rounded Corners 66">
            <a:extLst>
              <a:ext uri="{FF2B5EF4-FFF2-40B4-BE49-F238E27FC236}">
                <a16:creationId xmlns:a16="http://schemas.microsoft.com/office/drawing/2014/main" id="{BA08EED4-ABF6-00AF-332F-FB0CF57BEE1E}"/>
              </a:ext>
            </a:extLst>
          </p:cNvPr>
          <p:cNvSpPr/>
          <p:nvPr/>
        </p:nvSpPr>
        <p:spPr>
          <a:xfrm>
            <a:off x="1336552" y="2483245"/>
            <a:ext cx="1401316" cy="557597"/>
          </a:xfrm>
          <a:prstGeom prst="roundRect">
            <a:avLst>
              <a:gd name="adj" fmla="val 8198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1588">
                <a:solidFill>
                  <a:srgbClr val="002060"/>
                </a:solidFill>
              </a:rPr>
              <a:t>Service connections</a:t>
            </a:r>
            <a:endParaRPr lang="en-CA" sz="1588">
              <a:solidFill>
                <a:srgbClr val="002060"/>
              </a:solidFill>
            </a:endParaRPr>
          </a:p>
        </p:txBody>
      </p:sp>
      <p:grpSp>
        <p:nvGrpSpPr>
          <p:cNvPr id="94" name="Group 93">
            <a:extLst>
              <a:ext uri="{FF2B5EF4-FFF2-40B4-BE49-F238E27FC236}">
                <a16:creationId xmlns:a16="http://schemas.microsoft.com/office/drawing/2014/main" id="{263356A5-C2F9-363A-D1F7-3C228DB3DB31}"/>
              </a:ext>
            </a:extLst>
          </p:cNvPr>
          <p:cNvGrpSpPr/>
          <p:nvPr/>
        </p:nvGrpSpPr>
        <p:grpSpPr>
          <a:xfrm>
            <a:off x="1318733" y="3137024"/>
            <a:ext cx="1401316" cy="3114777"/>
            <a:chOff x="2261708" y="3137024"/>
            <a:chExt cx="1401316" cy="3114777"/>
          </a:xfrm>
        </p:grpSpPr>
        <p:sp>
          <p:nvSpPr>
            <p:cNvPr id="36" name="Rectangle: Rounded Corners 35">
              <a:extLst>
                <a:ext uri="{FF2B5EF4-FFF2-40B4-BE49-F238E27FC236}">
                  <a16:creationId xmlns:a16="http://schemas.microsoft.com/office/drawing/2014/main" id="{A385DC71-CED5-8BF3-297B-818AB0C9EAAD}"/>
                </a:ext>
              </a:extLst>
            </p:cNvPr>
            <p:cNvSpPr/>
            <p:nvPr/>
          </p:nvSpPr>
          <p:spPr>
            <a:xfrm>
              <a:off x="2261708" y="3137024"/>
              <a:ext cx="1401316" cy="2143227"/>
            </a:xfrm>
            <a:prstGeom prst="roundRect">
              <a:avLst>
                <a:gd name="adj" fmla="val 66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37" name="Rectangle: Rounded Corners 36">
              <a:extLst>
                <a:ext uri="{FF2B5EF4-FFF2-40B4-BE49-F238E27FC236}">
                  <a16:creationId xmlns:a16="http://schemas.microsoft.com/office/drawing/2014/main" id="{1D236F31-9619-E8F4-0041-A782BDC62902}"/>
                </a:ext>
              </a:extLst>
            </p:cNvPr>
            <p:cNvSpPr/>
            <p:nvPr/>
          </p:nvSpPr>
          <p:spPr>
            <a:xfrm>
              <a:off x="2261708" y="5358487"/>
              <a:ext cx="1401316" cy="893314"/>
            </a:xfrm>
            <a:prstGeom prst="roundRect">
              <a:avLst>
                <a:gd name="adj" fmla="val 6600"/>
              </a:avLst>
            </a:prstGeom>
            <a:noFill/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chemeClr val="tx1"/>
                  </a:solidFill>
                </a:rPr>
                <a:t>Front end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+ 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Target</a:t>
              </a:r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1F15B909-1CD6-2180-B62C-37F87891B500}"/>
                </a:ext>
              </a:extLst>
            </p:cNvPr>
            <p:cNvSpPr txBox="1"/>
            <p:nvPr/>
          </p:nvSpPr>
          <p:spPr>
            <a:xfrm>
              <a:off x="2392306" y="3190023"/>
              <a:ext cx="117575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chemeClr val="tx1"/>
                  </a:solidFill>
                </a:rPr>
                <a:t>Shielding</a:t>
              </a:r>
              <a:endParaRPr lang="en-CA" sz="1600">
                <a:solidFill>
                  <a:schemeClr val="tx1"/>
                </a:solidFill>
              </a:endParaRPr>
            </a:p>
          </p:txBody>
        </p:sp>
      </p:grpSp>
      <p:pic>
        <p:nvPicPr>
          <p:cNvPr id="1032" name="Picture 8" descr="Crane Hook - Free icons">
            <a:extLst>
              <a:ext uri="{FF2B5EF4-FFF2-40B4-BE49-F238E27FC236}">
                <a16:creationId xmlns:a16="http://schemas.microsoft.com/office/drawing/2014/main" id="{02DA3C59-BE9F-8770-0149-C5D841E6EC9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1676779" y="2201241"/>
            <a:ext cx="666751" cy="10929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6" name="Straight Arrow Connector 75">
            <a:extLst>
              <a:ext uri="{FF2B5EF4-FFF2-40B4-BE49-F238E27FC236}">
                <a16:creationId xmlns:a16="http://schemas.microsoft.com/office/drawing/2014/main" id="{082E4E43-DA76-EDB5-CCB7-053513BEA067}"/>
              </a:ext>
            </a:extLst>
          </p:cNvPr>
          <p:cNvCxnSpPr>
            <a:cxnSpLocks/>
          </p:cNvCxnSpPr>
          <p:nvPr/>
        </p:nvCxnSpPr>
        <p:spPr>
          <a:xfrm>
            <a:off x="390915" y="6042830"/>
            <a:ext cx="2676135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xtBox 77">
            <a:extLst>
              <a:ext uri="{FF2B5EF4-FFF2-40B4-BE49-F238E27FC236}">
                <a16:creationId xmlns:a16="http://schemas.microsoft.com/office/drawing/2014/main" id="{C0BCA67F-4E31-2102-4D85-71AFFD2A1C27}"/>
              </a:ext>
            </a:extLst>
          </p:cNvPr>
          <p:cNvSpPr txBox="1"/>
          <p:nvPr/>
        </p:nvSpPr>
        <p:spPr>
          <a:xfrm>
            <a:off x="888156" y="862379"/>
            <a:ext cx="2262469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tx1"/>
                </a:solidFill>
              </a:rPr>
              <a:t>ISAC </a:t>
            </a:r>
          </a:p>
          <a:p>
            <a:pPr algn="ctr"/>
            <a:r>
              <a:rPr lang="en-US" sz="2000"/>
              <a:t>I</a:t>
            </a:r>
            <a:r>
              <a:rPr lang="en-US" sz="2000">
                <a:solidFill>
                  <a:schemeClr val="tx1"/>
                </a:solidFill>
              </a:rPr>
              <a:t>rradiation station</a:t>
            </a:r>
            <a:endParaRPr lang="en-CA" sz="2000">
              <a:solidFill>
                <a:schemeClr val="tx1"/>
              </a:solidFill>
            </a:endParaRPr>
          </a:p>
        </p:txBody>
      </p:sp>
      <p:pic>
        <p:nvPicPr>
          <p:cNvPr id="1034" name="Picture 10" descr="Technician - Free user icons">
            <a:extLst>
              <a:ext uri="{FF2B5EF4-FFF2-40B4-BE49-F238E27FC236}">
                <a16:creationId xmlns:a16="http://schemas.microsoft.com/office/drawing/2014/main" id="{6146FEB1-5D44-F4F6-2FA9-B8B10CDF3C6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0915" y="1513785"/>
            <a:ext cx="1401316" cy="14013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9" name="TextBox 78">
            <a:extLst>
              <a:ext uri="{FF2B5EF4-FFF2-40B4-BE49-F238E27FC236}">
                <a16:creationId xmlns:a16="http://schemas.microsoft.com/office/drawing/2014/main" id="{3AF62DBC-9AF0-EDE1-1126-84469666D204}"/>
              </a:ext>
            </a:extLst>
          </p:cNvPr>
          <p:cNvSpPr txBox="1"/>
          <p:nvPr/>
        </p:nvSpPr>
        <p:spPr>
          <a:xfrm>
            <a:off x="4066839" y="862379"/>
            <a:ext cx="2262469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ISAC </a:t>
            </a:r>
          </a:p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Hot Cell</a:t>
            </a:r>
            <a:endParaRPr lang="en-CA" sz="2000">
              <a:solidFill>
                <a:schemeClr val="accent1">
                  <a:lumMod val="50000"/>
                </a:schemeClr>
              </a:solidFill>
            </a:endParaRPr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A86351EA-C4C8-6A60-AB2F-A2995E8332B3}"/>
              </a:ext>
            </a:extLst>
          </p:cNvPr>
          <p:cNvGrpSpPr/>
          <p:nvPr/>
        </p:nvGrpSpPr>
        <p:grpSpPr>
          <a:xfrm>
            <a:off x="4527033" y="3137024"/>
            <a:ext cx="1401316" cy="3114777"/>
            <a:chOff x="5786624" y="2478184"/>
            <a:chExt cx="1401316" cy="3114777"/>
          </a:xfrm>
        </p:grpSpPr>
        <p:sp>
          <p:nvSpPr>
            <p:cNvPr id="84" name="Rectangle: Rounded Corners 83">
              <a:extLst>
                <a:ext uri="{FF2B5EF4-FFF2-40B4-BE49-F238E27FC236}">
                  <a16:creationId xmlns:a16="http://schemas.microsoft.com/office/drawing/2014/main" id="{2C589986-E1B8-FBCF-CFCD-BD6736A7F108}"/>
                </a:ext>
              </a:extLst>
            </p:cNvPr>
            <p:cNvSpPr/>
            <p:nvPr/>
          </p:nvSpPr>
          <p:spPr>
            <a:xfrm>
              <a:off x="5786624" y="2478184"/>
              <a:ext cx="1401316" cy="2143227"/>
            </a:xfrm>
            <a:prstGeom prst="roundRect">
              <a:avLst>
                <a:gd name="adj" fmla="val 66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85" name="Rectangle: Rounded Corners 84">
              <a:extLst>
                <a:ext uri="{FF2B5EF4-FFF2-40B4-BE49-F238E27FC236}">
                  <a16:creationId xmlns:a16="http://schemas.microsoft.com/office/drawing/2014/main" id="{72618C5E-8312-AC2C-DE3B-D92254EC3B7F}"/>
                </a:ext>
              </a:extLst>
            </p:cNvPr>
            <p:cNvSpPr/>
            <p:nvPr/>
          </p:nvSpPr>
          <p:spPr>
            <a:xfrm>
              <a:off x="5786624" y="4699647"/>
              <a:ext cx="1401316" cy="893314"/>
            </a:xfrm>
            <a:prstGeom prst="roundRect">
              <a:avLst>
                <a:gd name="adj" fmla="val 6600"/>
              </a:avLst>
            </a:prstGeom>
            <a:noFill/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chemeClr val="tx1"/>
                  </a:solidFill>
                </a:rPr>
                <a:t>Front end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+ 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Target</a:t>
              </a:r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87" name="TextBox 86">
              <a:extLst>
                <a:ext uri="{FF2B5EF4-FFF2-40B4-BE49-F238E27FC236}">
                  <a16:creationId xmlns:a16="http://schemas.microsoft.com/office/drawing/2014/main" id="{A2987E11-745F-1EBE-18BB-FF8BCEDF8702}"/>
                </a:ext>
              </a:extLst>
            </p:cNvPr>
            <p:cNvSpPr txBox="1"/>
            <p:nvPr/>
          </p:nvSpPr>
          <p:spPr>
            <a:xfrm>
              <a:off x="5917222" y="2531183"/>
              <a:ext cx="117575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chemeClr val="tx1"/>
                  </a:solidFill>
                </a:rPr>
                <a:t>Shielding</a:t>
              </a:r>
              <a:endParaRPr lang="en-CA" sz="1600">
                <a:solidFill>
                  <a:schemeClr val="tx1"/>
                </a:solidFill>
              </a:endParaRPr>
            </a:p>
          </p:txBody>
        </p:sp>
      </p:grpSp>
      <p:pic>
        <p:nvPicPr>
          <p:cNvPr id="88" name="Picture 8" descr="Crane Hook - Free icons">
            <a:extLst>
              <a:ext uri="{FF2B5EF4-FFF2-40B4-BE49-F238E27FC236}">
                <a16:creationId xmlns:a16="http://schemas.microsoft.com/office/drawing/2014/main" id="{40F26C29-F065-7A61-5231-124ACFE158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4927567" y="2201241"/>
            <a:ext cx="666751" cy="10929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3" name="Content Placeholder 3">
            <a:extLst>
              <a:ext uri="{FF2B5EF4-FFF2-40B4-BE49-F238E27FC236}">
                <a16:creationId xmlns:a16="http://schemas.microsoft.com/office/drawing/2014/main" id="{37A43A0F-6C22-70C3-FFE3-D3427909D3E7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8060198" y="515529"/>
            <a:ext cx="3600473" cy="313660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One week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Hands-on service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module to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Remote target exchange in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module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Hands-on service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Few days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/>
          </a:p>
        </p:txBody>
      </p:sp>
      <p:sp>
        <p:nvSpPr>
          <p:cNvPr id="1024" name="Rectangle: Rounded Corners 1023">
            <a:extLst>
              <a:ext uri="{FF2B5EF4-FFF2-40B4-BE49-F238E27FC236}">
                <a16:creationId xmlns:a16="http://schemas.microsoft.com/office/drawing/2014/main" id="{4BAFAD14-0194-C097-90CA-3A499D6ECEC7}"/>
              </a:ext>
            </a:extLst>
          </p:cNvPr>
          <p:cNvSpPr/>
          <p:nvPr/>
        </p:nvSpPr>
        <p:spPr>
          <a:xfrm>
            <a:off x="7964235" y="812169"/>
            <a:ext cx="3523345" cy="2228673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bg1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27" name="TextBox 1026">
            <a:extLst>
              <a:ext uri="{FF2B5EF4-FFF2-40B4-BE49-F238E27FC236}">
                <a16:creationId xmlns:a16="http://schemas.microsoft.com/office/drawing/2014/main" id="{9771BE60-0F69-675D-1982-6013257F335A}"/>
              </a:ext>
            </a:extLst>
          </p:cNvPr>
          <p:cNvSpPr txBox="1"/>
          <p:nvPr/>
        </p:nvSpPr>
        <p:spPr>
          <a:xfrm>
            <a:off x="8110414" y="3337482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bg1">
                    <a:lumMod val="50000"/>
                  </a:schemeClr>
                </a:solidFill>
              </a:rPr>
              <a:t>Approx. two-</a:t>
            </a:r>
            <a:r>
              <a:rPr lang="en-CA">
                <a:solidFill>
                  <a:schemeClr val="bg1">
                    <a:lumMod val="50000"/>
                  </a:schemeClr>
                </a:solidFill>
              </a:rPr>
              <a:t>three weeks without beam on one station</a:t>
            </a:r>
          </a:p>
        </p:txBody>
      </p:sp>
      <p:sp>
        <p:nvSpPr>
          <p:cNvPr id="1028" name="Oval 1027">
            <a:extLst>
              <a:ext uri="{FF2B5EF4-FFF2-40B4-BE49-F238E27FC236}">
                <a16:creationId xmlns:a16="http://schemas.microsoft.com/office/drawing/2014/main" id="{472DFBD5-AB8F-C73D-28F3-D843CD0F12A9}"/>
              </a:ext>
            </a:extLst>
          </p:cNvPr>
          <p:cNvSpPr/>
          <p:nvPr/>
        </p:nvSpPr>
        <p:spPr>
          <a:xfrm>
            <a:off x="4779898" y="5861050"/>
            <a:ext cx="905821" cy="343126"/>
          </a:xfrm>
          <a:prstGeom prst="ellipse">
            <a:avLst/>
          </a:prstGeom>
          <a:noFill/>
          <a:ln w="28575">
            <a:solidFill>
              <a:srgbClr val="00A4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029" name="Rectangle: Rounded Corners 1028">
            <a:extLst>
              <a:ext uri="{FF2B5EF4-FFF2-40B4-BE49-F238E27FC236}">
                <a16:creationId xmlns:a16="http://schemas.microsoft.com/office/drawing/2014/main" id="{5A06D7DE-3F90-1C7B-FFF6-003CB5BDDB56}"/>
              </a:ext>
            </a:extLst>
          </p:cNvPr>
          <p:cNvSpPr/>
          <p:nvPr/>
        </p:nvSpPr>
        <p:spPr>
          <a:xfrm>
            <a:off x="1187749" y="5321345"/>
            <a:ext cx="1661904" cy="995897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30" name="TextBox 1029">
            <a:extLst>
              <a:ext uri="{FF2B5EF4-FFF2-40B4-BE49-F238E27FC236}">
                <a16:creationId xmlns:a16="http://schemas.microsoft.com/office/drawing/2014/main" id="{DD40A643-65B9-CF91-B7B2-3109A432A323}"/>
              </a:ext>
            </a:extLst>
          </p:cNvPr>
          <p:cNvSpPr txBox="1"/>
          <p:nvPr/>
        </p:nvSpPr>
        <p:spPr>
          <a:xfrm>
            <a:off x="223460" y="6439338"/>
            <a:ext cx="1894317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600">
                <a:solidFill>
                  <a:srgbClr val="00B050"/>
                </a:solidFill>
              </a:rPr>
              <a:t>Vacuum volume</a:t>
            </a:r>
            <a:endParaRPr lang="en-CA" sz="1600">
              <a:solidFill>
                <a:srgbClr val="00B050"/>
              </a:solidFill>
            </a:endParaRPr>
          </a:p>
        </p:txBody>
      </p:sp>
      <p:cxnSp>
        <p:nvCxnSpPr>
          <p:cNvPr id="1031" name="Straight Connector 1030">
            <a:extLst>
              <a:ext uri="{FF2B5EF4-FFF2-40B4-BE49-F238E27FC236}">
                <a16:creationId xmlns:a16="http://schemas.microsoft.com/office/drawing/2014/main" id="{AF2D7F01-26B5-09CE-4E51-A3C8822C7450}"/>
              </a:ext>
            </a:extLst>
          </p:cNvPr>
          <p:cNvCxnSpPr>
            <a:cxnSpLocks/>
          </p:cNvCxnSpPr>
          <p:nvPr/>
        </p:nvCxnSpPr>
        <p:spPr>
          <a:xfrm flipV="1">
            <a:off x="789332" y="6140450"/>
            <a:ext cx="381287" cy="354010"/>
          </a:xfrm>
          <a:prstGeom prst="line">
            <a:avLst/>
          </a:prstGeom>
          <a:ln w="19050">
            <a:solidFill>
              <a:srgbClr val="00B050"/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5" name="Rectangle: Rounded Corners 1034">
            <a:extLst>
              <a:ext uri="{FF2B5EF4-FFF2-40B4-BE49-F238E27FC236}">
                <a16:creationId xmlns:a16="http://schemas.microsoft.com/office/drawing/2014/main" id="{D8B74326-4F56-404E-AAA9-724DC7141D1B}"/>
              </a:ext>
            </a:extLst>
          </p:cNvPr>
          <p:cNvSpPr/>
          <p:nvPr/>
        </p:nvSpPr>
        <p:spPr>
          <a:xfrm>
            <a:off x="3832964" y="835623"/>
            <a:ext cx="2676135" cy="5816779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1">
                <a:lumMod val="7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pic>
        <p:nvPicPr>
          <p:cNvPr id="1036" name="Picture 103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4B301E35-BFE4-037A-C23E-D63A4296D06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80459"/>
          <a:stretch/>
        </p:blipFill>
        <p:spPr>
          <a:xfrm>
            <a:off x="8529114" y="6044330"/>
            <a:ext cx="832902" cy="769803"/>
          </a:xfrm>
          <a:prstGeom prst="rect">
            <a:avLst/>
          </a:prstGeom>
        </p:spPr>
      </p:pic>
      <p:cxnSp>
        <p:nvCxnSpPr>
          <p:cNvPr id="1038" name="Straight Arrow Connector 1037">
            <a:extLst>
              <a:ext uri="{FF2B5EF4-FFF2-40B4-BE49-F238E27FC236}">
                <a16:creationId xmlns:a16="http://schemas.microsoft.com/office/drawing/2014/main" id="{9778C0DA-1B5A-F91E-1B76-31AD126EB5BF}"/>
              </a:ext>
            </a:extLst>
          </p:cNvPr>
          <p:cNvCxnSpPr>
            <a:cxnSpLocks/>
          </p:cNvCxnSpPr>
          <p:nvPr/>
        </p:nvCxnSpPr>
        <p:spPr>
          <a:xfrm flipV="1">
            <a:off x="9290890" y="541301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9" name="Straight Arrow Connector 1038">
            <a:extLst>
              <a:ext uri="{FF2B5EF4-FFF2-40B4-BE49-F238E27FC236}">
                <a16:creationId xmlns:a16="http://schemas.microsoft.com/office/drawing/2014/main" id="{81999D26-97C6-2A27-0EC0-31CD9280AEF9}"/>
              </a:ext>
            </a:extLst>
          </p:cNvPr>
          <p:cNvCxnSpPr>
            <a:cxnSpLocks/>
          </p:cNvCxnSpPr>
          <p:nvPr/>
        </p:nvCxnSpPr>
        <p:spPr>
          <a:xfrm flipH="1" flipV="1">
            <a:off x="8900614" y="543659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0" name="Straight Connector 1039">
            <a:extLst>
              <a:ext uri="{FF2B5EF4-FFF2-40B4-BE49-F238E27FC236}">
                <a16:creationId xmlns:a16="http://schemas.microsoft.com/office/drawing/2014/main" id="{3EE1A546-BDE8-27B3-ABA9-FE5A240BB042}"/>
              </a:ext>
            </a:extLst>
          </p:cNvPr>
          <p:cNvCxnSpPr>
            <a:cxnSpLocks/>
          </p:cNvCxnSpPr>
          <p:nvPr/>
        </p:nvCxnSpPr>
        <p:spPr>
          <a:xfrm flipV="1">
            <a:off x="9290890" y="5776799"/>
            <a:ext cx="1347" cy="552349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1" name="Rectangle: Rounded Corners 1040">
            <a:extLst>
              <a:ext uri="{FF2B5EF4-FFF2-40B4-BE49-F238E27FC236}">
                <a16:creationId xmlns:a16="http://schemas.microsoft.com/office/drawing/2014/main" id="{5E583BA5-3C38-914C-DF1F-B72E887CCCEE}"/>
              </a:ext>
            </a:extLst>
          </p:cNvPr>
          <p:cNvSpPr/>
          <p:nvPr/>
        </p:nvSpPr>
        <p:spPr>
          <a:xfrm rot="18766280">
            <a:off x="8536928" y="510165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1042" name="Rectangle: Rounded Corners 1041">
            <a:extLst>
              <a:ext uri="{FF2B5EF4-FFF2-40B4-BE49-F238E27FC236}">
                <a16:creationId xmlns:a16="http://schemas.microsoft.com/office/drawing/2014/main" id="{C8F4193A-3AD3-C454-71AD-9F52E55D9494}"/>
              </a:ext>
            </a:extLst>
          </p:cNvPr>
          <p:cNvSpPr/>
          <p:nvPr/>
        </p:nvSpPr>
        <p:spPr>
          <a:xfrm rot="2634991">
            <a:off x="9363966" y="511093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cxnSp>
        <p:nvCxnSpPr>
          <p:cNvPr id="1043" name="Straight Arrow Connector 1042">
            <a:extLst>
              <a:ext uri="{FF2B5EF4-FFF2-40B4-BE49-F238E27FC236}">
                <a16:creationId xmlns:a16="http://schemas.microsoft.com/office/drawing/2014/main" id="{6E15F28D-9DF3-F18D-E46A-E8FDFD3ABD03}"/>
              </a:ext>
            </a:extLst>
          </p:cNvPr>
          <p:cNvCxnSpPr>
            <a:cxnSpLocks/>
          </p:cNvCxnSpPr>
          <p:nvPr/>
        </p:nvCxnSpPr>
        <p:spPr>
          <a:xfrm flipV="1">
            <a:off x="9271803" y="427907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4" name="Straight Connector 1043">
            <a:extLst>
              <a:ext uri="{FF2B5EF4-FFF2-40B4-BE49-F238E27FC236}">
                <a16:creationId xmlns:a16="http://schemas.microsoft.com/office/drawing/2014/main" id="{3064BB4A-709B-4E50-AA88-7F9F091ECBC9}"/>
              </a:ext>
            </a:extLst>
          </p:cNvPr>
          <p:cNvCxnSpPr>
            <a:cxnSpLocks/>
          </p:cNvCxnSpPr>
          <p:nvPr/>
        </p:nvCxnSpPr>
        <p:spPr>
          <a:xfrm flipH="1" flipV="1">
            <a:off x="9262870" y="481828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5" name="Straight Connector 1044">
            <a:extLst>
              <a:ext uri="{FF2B5EF4-FFF2-40B4-BE49-F238E27FC236}">
                <a16:creationId xmlns:a16="http://schemas.microsoft.com/office/drawing/2014/main" id="{DF07ECA9-C2A9-DB71-C947-0E8052A576D2}"/>
              </a:ext>
            </a:extLst>
          </p:cNvPr>
          <p:cNvCxnSpPr>
            <a:cxnSpLocks/>
          </p:cNvCxnSpPr>
          <p:nvPr/>
        </p:nvCxnSpPr>
        <p:spPr>
          <a:xfrm flipV="1">
            <a:off x="9089158" y="481828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6" name="Rectangle: Rounded Corners 1045">
            <a:extLst>
              <a:ext uri="{FF2B5EF4-FFF2-40B4-BE49-F238E27FC236}">
                <a16:creationId xmlns:a16="http://schemas.microsoft.com/office/drawing/2014/main" id="{E782F4A3-B6EF-1482-02DB-27CD3524F262}"/>
              </a:ext>
            </a:extLst>
          </p:cNvPr>
          <p:cNvSpPr/>
          <p:nvPr/>
        </p:nvSpPr>
        <p:spPr>
          <a:xfrm>
            <a:off x="8012503" y="460462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47" name="TextBox 1046">
            <a:extLst>
              <a:ext uri="{FF2B5EF4-FFF2-40B4-BE49-F238E27FC236}">
                <a16:creationId xmlns:a16="http://schemas.microsoft.com/office/drawing/2014/main" id="{FB5D8A11-4C75-4691-C05D-731806F1E7B1}"/>
              </a:ext>
            </a:extLst>
          </p:cNvPr>
          <p:cNvSpPr txBox="1"/>
          <p:nvPr/>
        </p:nvSpPr>
        <p:spPr>
          <a:xfrm>
            <a:off x="8076759" y="4679970"/>
            <a:ext cx="72195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00">
                <a:solidFill>
                  <a:srgbClr val="002060"/>
                </a:solidFill>
              </a:rPr>
              <a:t>ISAC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51" name="Rectangle: Rounded Corners 1050">
            <a:extLst>
              <a:ext uri="{FF2B5EF4-FFF2-40B4-BE49-F238E27FC236}">
                <a16:creationId xmlns:a16="http://schemas.microsoft.com/office/drawing/2014/main" id="{56B54258-4491-FFCF-6504-1714AD0DA6E4}"/>
              </a:ext>
            </a:extLst>
          </p:cNvPr>
          <p:cNvSpPr/>
          <p:nvPr/>
        </p:nvSpPr>
        <p:spPr>
          <a:xfrm>
            <a:off x="1636608" y="3083146"/>
            <a:ext cx="544884" cy="2236389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882F7C9-695D-8BBE-B071-36210153AE54}"/>
              </a:ext>
            </a:extLst>
          </p:cNvPr>
          <p:cNvSpPr txBox="1"/>
          <p:nvPr/>
        </p:nvSpPr>
        <p:spPr>
          <a:xfrm>
            <a:off x="9303051" y="4078349"/>
            <a:ext cx="82202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>
                <a:solidFill>
                  <a:schemeClr val="accent4">
                    <a:lumMod val="60000"/>
                    <a:lumOff val="40000"/>
                  </a:schemeClr>
                </a:solidFill>
              </a:rPr>
              <a:t>RIB</a:t>
            </a:r>
          </a:p>
        </p:txBody>
      </p:sp>
    </p:spTree>
    <p:extLst>
      <p:ext uri="{BB962C8B-B14F-4D97-AF65-F5344CB8AC3E}">
        <p14:creationId xmlns:p14="http://schemas.microsoft.com/office/powerpoint/2010/main" val="24900058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5" fill="hold">
                      <p:stCondLst>
                        <p:cond delay="indefinite"/>
                      </p:stCondLst>
                      <p:childTnLst>
                        <p:par>
                          <p:cTn id="86" fill="hold">
                            <p:stCondLst>
                              <p:cond delay="0"/>
                            </p:stCondLst>
                            <p:childTnLst>
                              <p:par>
                                <p:cTn id="87" presetID="1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3" fill="hold">
                      <p:stCondLst>
                        <p:cond delay="indefinite"/>
                      </p:stCondLst>
                      <p:childTnLst>
                        <p:par>
                          <p:cTn id="94" fill="hold">
                            <p:stCondLst>
                              <p:cond delay="0"/>
                            </p:stCondLst>
                            <p:childTnLst>
                              <p:par>
                                <p:cTn id="9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7" fill="hold">
                      <p:stCondLst>
                        <p:cond delay="indefinite"/>
                      </p:stCondLst>
                      <p:childTnLst>
                        <p:par>
                          <p:cTn id="98" fill="hold">
                            <p:stCondLst>
                              <p:cond delay="0"/>
                            </p:stCondLst>
                            <p:childTnLst>
                              <p:par>
                                <p:cTn id="9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1" fill="hold">
                      <p:stCondLst>
                        <p:cond delay="indefinite"/>
                      </p:stCondLst>
                      <p:childTnLst>
                        <p:par>
                          <p:cTn id="112" fill="hold">
                            <p:stCondLst>
                              <p:cond delay="0"/>
                            </p:stCondLst>
                            <p:childTnLst>
                              <p:par>
                                <p:cTn id="1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7" fill="hold">
                      <p:stCondLst>
                        <p:cond delay="indefinite"/>
                      </p:stCondLst>
                      <p:childTnLst>
                        <p:par>
                          <p:cTn id="118" fill="hold">
                            <p:stCondLst>
                              <p:cond delay="0"/>
                            </p:stCondLst>
                            <p:childTnLst>
                              <p:par>
                                <p:cTn id="1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9" fill="hold">
                      <p:stCondLst>
                        <p:cond delay="indefinite"/>
                      </p:stCondLst>
                      <p:childTnLst>
                        <p:par>
                          <p:cTn id="140" fill="hold">
                            <p:stCondLst>
                              <p:cond delay="0"/>
                            </p:stCondLst>
                            <p:childTnLst>
                              <p:par>
                                <p:cTn id="1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7" grpId="0" animBg="1"/>
      <p:bldP spid="67" grpId="1" animBg="1"/>
      <p:bldP spid="79" grpId="0"/>
      <p:bldP spid="93" grpId="0" uiExpand="1" build="p"/>
      <p:bldP spid="1024" grpId="0" animBg="1"/>
      <p:bldP spid="1027" grpId="0"/>
      <p:bldP spid="1028" grpId="0" animBg="1"/>
      <p:bldP spid="1028" grpId="1" animBg="1"/>
      <p:bldP spid="1029" grpId="0" animBg="1"/>
      <p:bldP spid="1029" grpId="1" animBg="1"/>
      <p:bldP spid="1030" grpId="0"/>
      <p:bldP spid="1035" grpId="0" animBg="1"/>
      <p:bldP spid="1041" grpId="0" animBg="1"/>
      <p:bldP spid="1042" grpId="0" animBg="1"/>
      <p:bldP spid="1046" grpId="0" animBg="1"/>
      <p:bldP spid="1047" grpId="0"/>
      <p:bldP spid="1051" grpId="0" animBg="1"/>
      <p:bldP spid="1051" grpId="1" animBg="1"/>
      <p:bldP spid="5" grpId="0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448B309-BEB4-0013-0F3B-1DA89753ACF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9C36E4E-329C-A223-8CA8-B2AC39C5D35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RIEL target lifetime and sequence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9E1C0E7-0887-CA72-3BEA-488E6C1747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19</a:t>
            </a:fld>
            <a:endParaRPr lang="en-US"/>
          </a:p>
        </p:txBody>
      </p:sp>
      <p:sp>
        <p:nvSpPr>
          <p:cNvPr id="67" name="Rectangle: Rounded Corners 66">
            <a:extLst>
              <a:ext uri="{FF2B5EF4-FFF2-40B4-BE49-F238E27FC236}">
                <a16:creationId xmlns:a16="http://schemas.microsoft.com/office/drawing/2014/main" id="{38ADF8C1-3D66-8F82-7391-216ACC513462}"/>
              </a:ext>
            </a:extLst>
          </p:cNvPr>
          <p:cNvSpPr/>
          <p:nvPr/>
        </p:nvSpPr>
        <p:spPr>
          <a:xfrm>
            <a:off x="952504" y="2483245"/>
            <a:ext cx="1401316" cy="557597"/>
          </a:xfrm>
          <a:prstGeom prst="roundRect">
            <a:avLst>
              <a:gd name="adj" fmla="val 8198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1588">
                <a:solidFill>
                  <a:srgbClr val="002060"/>
                </a:solidFill>
              </a:rPr>
              <a:t>Service connections</a:t>
            </a:r>
            <a:endParaRPr lang="en-CA" sz="1588">
              <a:solidFill>
                <a:srgbClr val="002060"/>
              </a:solidFill>
            </a:endParaRPr>
          </a:p>
        </p:txBody>
      </p:sp>
      <p:grpSp>
        <p:nvGrpSpPr>
          <p:cNvPr id="94" name="Group 93">
            <a:extLst>
              <a:ext uri="{FF2B5EF4-FFF2-40B4-BE49-F238E27FC236}">
                <a16:creationId xmlns:a16="http://schemas.microsoft.com/office/drawing/2014/main" id="{59BE107F-BA2A-B47D-EBE2-C8940AEB3BB9}"/>
              </a:ext>
            </a:extLst>
          </p:cNvPr>
          <p:cNvGrpSpPr/>
          <p:nvPr/>
        </p:nvGrpSpPr>
        <p:grpSpPr>
          <a:xfrm>
            <a:off x="934685" y="3137024"/>
            <a:ext cx="1401316" cy="3114777"/>
            <a:chOff x="2261708" y="3137024"/>
            <a:chExt cx="1401316" cy="3114777"/>
          </a:xfrm>
        </p:grpSpPr>
        <p:sp>
          <p:nvSpPr>
            <p:cNvPr id="36" name="Rectangle: Rounded Corners 35">
              <a:extLst>
                <a:ext uri="{FF2B5EF4-FFF2-40B4-BE49-F238E27FC236}">
                  <a16:creationId xmlns:a16="http://schemas.microsoft.com/office/drawing/2014/main" id="{42950A52-E6A1-59C1-7B13-161F341E4FD8}"/>
                </a:ext>
              </a:extLst>
            </p:cNvPr>
            <p:cNvSpPr/>
            <p:nvPr/>
          </p:nvSpPr>
          <p:spPr>
            <a:xfrm>
              <a:off x="2261708" y="3137024"/>
              <a:ext cx="1401316" cy="2143227"/>
            </a:xfrm>
            <a:prstGeom prst="roundRect">
              <a:avLst>
                <a:gd name="adj" fmla="val 66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solidFill>
                <a:schemeClr val="tx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chemeClr val="tx1"/>
                </a:solidFill>
              </a:endParaRPr>
            </a:p>
          </p:txBody>
        </p:sp>
        <p:sp>
          <p:nvSpPr>
            <p:cNvPr id="37" name="Rectangle: Rounded Corners 36">
              <a:extLst>
                <a:ext uri="{FF2B5EF4-FFF2-40B4-BE49-F238E27FC236}">
                  <a16:creationId xmlns:a16="http://schemas.microsoft.com/office/drawing/2014/main" id="{12699B35-3D0D-103E-5A96-B72455F765D8}"/>
                </a:ext>
              </a:extLst>
            </p:cNvPr>
            <p:cNvSpPr/>
            <p:nvPr/>
          </p:nvSpPr>
          <p:spPr>
            <a:xfrm>
              <a:off x="2261708" y="5358487"/>
              <a:ext cx="1401316" cy="893314"/>
            </a:xfrm>
            <a:prstGeom prst="roundRect">
              <a:avLst>
                <a:gd name="adj" fmla="val 6600"/>
              </a:avLst>
            </a:prstGeom>
            <a:noFill/>
            <a:ln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chemeClr val="tx1"/>
                  </a:solidFill>
                </a:rPr>
                <a:t>Front end</a:t>
              </a:r>
            </a:p>
            <a:p>
              <a:pPr algn="ctr"/>
              <a:r>
                <a:rPr lang="en-US" sz="1588">
                  <a:solidFill>
                    <a:schemeClr val="tx1"/>
                  </a:solidFill>
                </a:rPr>
                <a:t>+ </a:t>
              </a:r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7BCFC1D2-90E3-77BC-CBED-FB342DCA3B2D}"/>
                </a:ext>
              </a:extLst>
            </p:cNvPr>
            <p:cNvSpPr txBox="1"/>
            <p:nvPr/>
          </p:nvSpPr>
          <p:spPr>
            <a:xfrm>
              <a:off x="2392306" y="3190023"/>
              <a:ext cx="117575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chemeClr val="tx1"/>
                  </a:solidFill>
                </a:rPr>
                <a:t>Shielding</a:t>
              </a:r>
              <a:endParaRPr lang="en-CA" sz="1600">
                <a:solidFill>
                  <a:schemeClr val="tx1"/>
                </a:solidFill>
              </a:endParaRPr>
            </a:p>
          </p:txBody>
        </p:sp>
      </p:grpSp>
      <p:pic>
        <p:nvPicPr>
          <p:cNvPr id="1032" name="Picture 8" descr="Crane Hook - Free icons">
            <a:extLst>
              <a:ext uri="{FF2B5EF4-FFF2-40B4-BE49-F238E27FC236}">
                <a16:creationId xmlns:a16="http://schemas.microsoft.com/office/drawing/2014/main" id="{7B722D69-FFF9-9B58-0B15-9D8AE269B76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1623445" y="1781680"/>
            <a:ext cx="389540" cy="6385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6" name="Straight Arrow Connector 75">
            <a:extLst>
              <a:ext uri="{FF2B5EF4-FFF2-40B4-BE49-F238E27FC236}">
                <a16:creationId xmlns:a16="http://schemas.microsoft.com/office/drawing/2014/main" id="{49D70539-D74F-6272-EBD7-5E747A35CF93}"/>
              </a:ext>
            </a:extLst>
          </p:cNvPr>
          <p:cNvCxnSpPr>
            <a:cxnSpLocks/>
          </p:cNvCxnSpPr>
          <p:nvPr/>
        </p:nvCxnSpPr>
        <p:spPr>
          <a:xfrm>
            <a:off x="415096" y="6042830"/>
            <a:ext cx="2267906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xtBox 77">
            <a:extLst>
              <a:ext uri="{FF2B5EF4-FFF2-40B4-BE49-F238E27FC236}">
                <a16:creationId xmlns:a16="http://schemas.microsoft.com/office/drawing/2014/main" id="{989350A9-5D99-117B-783F-60F2BF57EF64}"/>
              </a:ext>
            </a:extLst>
          </p:cNvPr>
          <p:cNvSpPr txBox="1"/>
          <p:nvPr/>
        </p:nvSpPr>
        <p:spPr>
          <a:xfrm>
            <a:off x="504108" y="862379"/>
            <a:ext cx="2262469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tx1"/>
                </a:solidFill>
              </a:rPr>
              <a:t>ARIEL </a:t>
            </a:r>
          </a:p>
          <a:p>
            <a:pPr algn="ctr"/>
            <a:r>
              <a:rPr lang="en-US" sz="2000"/>
              <a:t>I</a:t>
            </a:r>
            <a:r>
              <a:rPr lang="en-US" sz="2000">
                <a:solidFill>
                  <a:schemeClr val="tx1"/>
                </a:solidFill>
              </a:rPr>
              <a:t>rradiation station</a:t>
            </a:r>
            <a:endParaRPr lang="en-CA" sz="2000">
              <a:solidFill>
                <a:schemeClr val="tx1"/>
              </a:solidFill>
            </a:endParaRPr>
          </a:p>
        </p:txBody>
      </p:sp>
      <p:sp>
        <p:nvSpPr>
          <p:cNvPr id="93" name="Content Placeholder 3">
            <a:extLst>
              <a:ext uri="{FF2B5EF4-FFF2-40B4-BE49-F238E27FC236}">
                <a16:creationId xmlns:a16="http://schemas.microsoft.com/office/drawing/2014/main" id="{FC602C54-C7E8-729C-A22E-B4F54F364D2D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8466090" y="515529"/>
            <a:ext cx="3600473" cy="313660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Few hours </a:t>
            </a:r>
            <a:r>
              <a:rPr lang="en-CA" sz="1400"/>
              <a:t>of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Remote</a:t>
            </a:r>
            <a:r>
              <a:rPr lang="en-CA" sz="1400"/>
              <a:t> </a:t>
            </a:r>
            <a:r>
              <a:rPr lang="en-CA" sz="1400" u="sng"/>
              <a:t>vacuum</a:t>
            </a:r>
            <a:r>
              <a:rPr lang="en-CA" sz="1400"/>
              <a:t>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</a:t>
            </a:r>
            <a:r>
              <a:rPr lang="en-CA" sz="1400" u="sng"/>
              <a:t>target</a:t>
            </a:r>
            <a:r>
              <a:rPr lang="en-CA" sz="1400"/>
              <a:t> to </a:t>
            </a:r>
            <a:r>
              <a:rPr lang="en-CA" sz="1400" u="sng"/>
              <a:t>spent target vault</a:t>
            </a:r>
            <a:endParaRPr lang="en-CA" sz="1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</a:t>
            </a:r>
            <a:r>
              <a:rPr lang="en-CA" sz="1400" u="sng"/>
              <a:t>new target</a:t>
            </a:r>
            <a:r>
              <a:rPr lang="en-CA" sz="1400"/>
              <a:t>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Remote</a:t>
            </a:r>
            <a:r>
              <a:rPr lang="en-CA" sz="1400"/>
              <a:t> </a:t>
            </a:r>
            <a:r>
              <a:rPr lang="en-CA" sz="1400" u="sng"/>
              <a:t>vacuum</a:t>
            </a:r>
            <a:r>
              <a:rPr lang="en-CA" sz="1400"/>
              <a:t>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Few hours</a:t>
            </a:r>
            <a:r>
              <a:rPr lang="en-CA" sz="1400"/>
              <a:t>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/>
          </a:p>
        </p:txBody>
      </p:sp>
      <p:sp>
        <p:nvSpPr>
          <p:cNvPr id="1024" name="Rectangle: Rounded Corners 1023">
            <a:extLst>
              <a:ext uri="{FF2B5EF4-FFF2-40B4-BE49-F238E27FC236}">
                <a16:creationId xmlns:a16="http://schemas.microsoft.com/office/drawing/2014/main" id="{5E8F4337-2334-8C6A-9D3D-E8A50DC7B364}"/>
              </a:ext>
            </a:extLst>
          </p:cNvPr>
          <p:cNvSpPr/>
          <p:nvPr/>
        </p:nvSpPr>
        <p:spPr>
          <a:xfrm>
            <a:off x="8370127" y="812169"/>
            <a:ext cx="3523345" cy="1912743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27" name="TextBox 1026">
            <a:extLst>
              <a:ext uri="{FF2B5EF4-FFF2-40B4-BE49-F238E27FC236}">
                <a16:creationId xmlns:a16="http://schemas.microsoft.com/office/drawing/2014/main" id="{27A298F7-DE75-0EFA-32AF-350FDEA0D0D8}"/>
              </a:ext>
            </a:extLst>
          </p:cNvPr>
          <p:cNvSpPr txBox="1"/>
          <p:nvPr/>
        </p:nvSpPr>
        <p:spPr>
          <a:xfrm>
            <a:off x="8510106" y="3302441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accent2"/>
                </a:solidFill>
              </a:rPr>
              <a:t>Approx. </a:t>
            </a:r>
            <a:r>
              <a:rPr lang="en-CA" u="sng">
                <a:solidFill>
                  <a:schemeClr val="accent2"/>
                </a:solidFill>
              </a:rPr>
              <a:t>two days</a:t>
            </a:r>
            <a:r>
              <a:rPr lang="en-CA">
                <a:solidFill>
                  <a:schemeClr val="accent2"/>
                </a:solidFill>
              </a:rPr>
              <a:t> without beam on one station</a:t>
            </a:r>
          </a:p>
        </p:txBody>
      </p:sp>
      <p:sp>
        <p:nvSpPr>
          <p:cNvPr id="1029" name="Rectangle: Rounded Corners 1028">
            <a:extLst>
              <a:ext uri="{FF2B5EF4-FFF2-40B4-BE49-F238E27FC236}">
                <a16:creationId xmlns:a16="http://schemas.microsoft.com/office/drawing/2014/main" id="{2119A258-76DD-6EA8-6F22-6BD289C97522}"/>
              </a:ext>
            </a:extLst>
          </p:cNvPr>
          <p:cNvSpPr/>
          <p:nvPr/>
        </p:nvSpPr>
        <p:spPr>
          <a:xfrm>
            <a:off x="1184402" y="5899150"/>
            <a:ext cx="890796" cy="279400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30" name="TextBox 1029">
            <a:extLst>
              <a:ext uri="{FF2B5EF4-FFF2-40B4-BE49-F238E27FC236}">
                <a16:creationId xmlns:a16="http://schemas.microsoft.com/office/drawing/2014/main" id="{C255EF82-37D2-46C9-9802-7F55609EE103}"/>
              </a:ext>
            </a:extLst>
          </p:cNvPr>
          <p:cNvSpPr txBox="1"/>
          <p:nvPr/>
        </p:nvSpPr>
        <p:spPr>
          <a:xfrm>
            <a:off x="287468" y="6439338"/>
            <a:ext cx="1894317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600">
                <a:solidFill>
                  <a:srgbClr val="00B050"/>
                </a:solidFill>
              </a:rPr>
              <a:t>Vacuum volume</a:t>
            </a:r>
            <a:endParaRPr lang="en-CA" sz="1600">
              <a:solidFill>
                <a:srgbClr val="00B050"/>
              </a:solidFill>
            </a:endParaRPr>
          </a:p>
        </p:txBody>
      </p:sp>
      <p:cxnSp>
        <p:nvCxnSpPr>
          <p:cNvPr id="1031" name="Straight Connector 1030">
            <a:extLst>
              <a:ext uri="{FF2B5EF4-FFF2-40B4-BE49-F238E27FC236}">
                <a16:creationId xmlns:a16="http://schemas.microsoft.com/office/drawing/2014/main" id="{8419CA95-A8E7-8106-CD0E-F0C3F763AA95}"/>
              </a:ext>
            </a:extLst>
          </p:cNvPr>
          <p:cNvCxnSpPr>
            <a:cxnSpLocks/>
          </p:cNvCxnSpPr>
          <p:nvPr/>
        </p:nvCxnSpPr>
        <p:spPr>
          <a:xfrm flipV="1">
            <a:off x="981059" y="6134893"/>
            <a:ext cx="177943" cy="337768"/>
          </a:xfrm>
          <a:prstGeom prst="line">
            <a:avLst/>
          </a:prstGeom>
          <a:ln w="19050">
            <a:solidFill>
              <a:srgbClr val="00B050"/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>
            <a:extLst>
              <a:ext uri="{FF2B5EF4-FFF2-40B4-BE49-F238E27FC236}">
                <a16:creationId xmlns:a16="http://schemas.microsoft.com/office/drawing/2014/main" id="{D0710A3E-DBD1-8920-FBE2-27F2393A2519}"/>
              </a:ext>
            </a:extLst>
          </p:cNvPr>
          <p:cNvSpPr txBox="1"/>
          <p:nvPr/>
        </p:nvSpPr>
        <p:spPr>
          <a:xfrm>
            <a:off x="5468809" y="5080196"/>
            <a:ext cx="2262469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Spent target vault</a:t>
            </a:r>
            <a:endParaRPr lang="en-CA" sz="200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748D8D64-E2D5-6253-E7AE-F3CBEBF64097}"/>
              </a:ext>
            </a:extLst>
          </p:cNvPr>
          <p:cNvSpPr/>
          <p:nvPr/>
        </p:nvSpPr>
        <p:spPr>
          <a:xfrm>
            <a:off x="5222852" y="5080196"/>
            <a:ext cx="2676135" cy="1572206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1">
                <a:lumMod val="7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1F893144-FE75-63AE-2AE6-92907A4ADB22}"/>
              </a:ext>
            </a:extLst>
          </p:cNvPr>
          <p:cNvCxnSpPr>
            <a:cxnSpLocks/>
          </p:cNvCxnSpPr>
          <p:nvPr/>
        </p:nvCxnSpPr>
        <p:spPr>
          <a:xfrm>
            <a:off x="1818215" y="2304041"/>
            <a:ext cx="0" cy="355700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D571B05C-9F1C-C2F8-CA7D-18BF09013E7B}"/>
              </a:ext>
            </a:extLst>
          </p:cNvPr>
          <p:cNvSpPr txBox="1"/>
          <p:nvPr/>
        </p:nvSpPr>
        <p:spPr>
          <a:xfrm>
            <a:off x="6042191" y="5837711"/>
            <a:ext cx="111570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Target</a:t>
            </a:r>
            <a:endParaRPr lang="en-CA" sz="1800">
              <a:solidFill>
                <a:schemeClr val="tx1"/>
              </a:solidFill>
            </a:endParaRPr>
          </a:p>
        </p:txBody>
      </p:sp>
      <p:pic>
        <p:nvPicPr>
          <p:cNvPr id="13" name="Picture 8" descr="Crane Hook - Free icons">
            <a:extLst>
              <a:ext uri="{FF2B5EF4-FFF2-40B4-BE49-F238E27FC236}">
                <a16:creationId xmlns:a16="http://schemas.microsoft.com/office/drawing/2014/main" id="{63DBE455-4BD5-649E-FFBA-781BAB0BCB0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6600044" y="1781680"/>
            <a:ext cx="389540" cy="6385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E88AB824-EB72-030F-83D1-E5FE606817FF}"/>
              </a:ext>
            </a:extLst>
          </p:cNvPr>
          <p:cNvCxnSpPr>
            <a:cxnSpLocks/>
          </p:cNvCxnSpPr>
          <p:nvPr/>
        </p:nvCxnSpPr>
        <p:spPr>
          <a:xfrm>
            <a:off x="6794814" y="2304041"/>
            <a:ext cx="0" cy="355700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>
            <a:extLst>
              <a:ext uri="{FF2B5EF4-FFF2-40B4-BE49-F238E27FC236}">
                <a16:creationId xmlns:a16="http://schemas.microsoft.com/office/drawing/2014/main" id="{08008234-C3FE-1F9D-40D5-FFE19C44666F}"/>
              </a:ext>
            </a:extLst>
          </p:cNvPr>
          <p:cNvSpPr/>
          <p:nvPr/>
        </p:nvSpPr>
        <p:spPr>
          <a:xfrm>
            <a:off x="1159002" y="5861050"/>
            <a:ext cx="957263" cy="352651"/>
          </a:xfrm>
          <a:prstGeom prst="rect">
            <a:avLst/>
          </a:prstGeom>
          <a:noFill/>
          <a:ln w="19050"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424DFFCA-F8FF-BE4A-09DC-7AAB51871259}"/>
              </a:ext>
            </a:extLst>
          </p:cNvPr>
          <p:cNvSpPr/>
          <p:nvPr/>
        </p:nvSpPr>
        <p:spPr>
          <a:xfrm>
            <a:off x="6129062" y="5863435"/>
            <a:ext cx="957263" cy="352651"/>
          </a:xfrm>
          <a:prstGeom prst="rect">
            <a:avLst/>
          </a:prstGeom>
          <a:noFill/>
          <a:ln w="19050"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57661CA-C53B-A8B3-CC4B-3C7CADC5D853}"/>
              </a:ext>
            </a:extLst>
          </p:cNvPr>
          <p:cNvSpPr txBox="1"/>
          <p:nvPr/>
        </p:nvSpPr>
        <p:spPr>
          <a:xfrm>
            <a:off x="1064809" y="5829662"/>
            <a:ext cx="111570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Target</a:t>
            </a:r>
            <a:endParaRPr lang="en-CA" sz="1800">
              <a:solidFill>
                <a:schemeClr val="tx1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A6AFA77B-4D0A-9F0B-934E-BA364A9B7FB6}"/>
              </a:ext>
            </a:extLst>
          </p:cNvPr>
          <p:cNvSpPr txBox="1"/>
          <p:nvPr/>
        </p:nvSpPr>
        <p:spPr>
          <a:xfrm>
            <a:off x="3078480" y="5844369"/>
            <a:ext cx="16643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>
                <a:solidFill>
                  <a:schemeClr val="tx1"/>
                </a:solidFill>
              </a:rPr>
              <a:t>(New) Target</a:t>
            </a:r>
            <a:endParaRPr lang="en-CA" sz="1800">
              <a:solidFill>
                <a:schemeClr val="tx1"/>
              </a:solidFill>
            </a:endParaRPr>
          </a:p>
        </p:txBody>
      </p:sp>
      <p:pic>
        <p:nvPicPr>
          <p:cNvPr id="24" name="Picture 8" descr="Crane Hook - Free icons">
            <a:extLst>
              <a:ext uri="{FF2B5EF4-FFF2-40B4-BE49-F238E27FC236}">
                <a16:creationId xmlns:a16="http://schemas.microsoft.com/office/drawing/2014/main" id="{B071D000-AA1F-454B-133C-15C60E727FE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528" t="16698" r="24651"/>
          <a:stretch>
            <a:fillRect/>
          </a:stretch>
        </p:blipFill>
        <p:spPr bwMode="auto">
          <a:xfrm>
            <a:off x="4283648" y="1784749"/>
            <a:ext cx="389540" cy="6385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994BF178-8C5D-1F70-1D9F-0D58FF77137A}"/>
              </a:ext>
            </a:extLst>
          </p:cNvPr>
          <p:cNvCxnSpPr>
            <a:cxnSpLocks/>
          </p:cNvCxnSpPr>
          <p:nvPr/>
        </p:nvCxnSpPr>
        <p:spPr>
          <a:xfrm>
            <a:off x="4478418" y="2307110"/>
            <a:ext cx="0" cy="355700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ctangle 25">
            <a:extLst>
              <a:ext uri="{FF2B5EF4-FFF2-40B4-BE49-F238E27FC236}">
                <a16:creationId xmlns:a16="http://schemas.microsoft.com/office/drawing/2014/main" id="{17BF180E-C75E-BE18-2256-29E400F82764}"/>
              </a:ext>
            </a:extLst>
          </p:cNvPr>
          <p:cNvSpPr/>
          <p:nvPr/>
        </p:nvSpPr>
        <p:spPr>
          <a:xfrm>
            <a:off x="3803522" y="5866504"/>
            <a:ext cx="957263" cy="352651"/>
          </a:xfrm>
          <a:prstGeom prst="rect">
            <a:avLst/>
          </a:prstGeom>
          <a:noFill/>
          <a:ln w="19050"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18A0D4D0-7BDF-EFD3-A2EC-5C2AC2B40426}"/>
              </a:ext>
            </a:extLst>
          </p:cNvPr>
          <p:cNvSpPr txBox="1"/>
          <p:nvPr/>
        </p:nvSpPr>
        <p:spPr>
          <a:xfrm>
            <a:off x="3405414" y="816212"/>
            <a:ext cx="1551739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000">
                <a:solidFill>
                  <a:schemeClr val="accent1">
                    <a:lumMod val="50000"/>
                  </a:schemeClr>
                </a:solidFill>
              </a:rPr>
              <a:t>Target hall</a:t>
            </a:r>
            <a:endParaRPr lang="en-CA" sz="200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30" name="Rectangle: Rounded Corners 29">
            <a:extLst>
              <a:ext uri="{FF2B5EF4-FFF2-40B4-BE49-F238E27FC236}">
                <a16:creationId xmlns:a16="http://schemas.microsoft.com/office/drawing/2014/main" id="{83078C96-5CE8-4A6F-92B2-6BC421B5438B}"/>
              </a:ext>
            </a:extLst>
          </p:cNvPr>
          <p:cNvSpPr/>
          <p:nvPr/>
        </p:nvSpPr>
        <p:spPr>
          <a:xfrm>
            <a:off x="3139607" y="835623"/>
            <a:ext cx="1871305" cy="5816779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accent1">
                <a:lumMod val="7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C6E101C4-B87F-F54F-49E9-16556588255E}"/>
              </a:ext>
            </a:extLst>
          </p:cNvPr>
          <p:cNvCxnSpPr>
            <a:cxnSpLocks/>
          </p:cNvCxnSpPr>
          <p:nvPr/>
        </p:nvCxnSpPr>
        <p:spPr>
          <a:xfrm>
            <a:off x="1252524" y="5276050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CA412E12-F9A7-0368-F00D-253C63D92B55}"/>
              </a:ext>
            </a:extLst>
          </p:cNvPr>
          <p:cNvCxnSpPr>
            <a:cxnSpLocks/>
          </p:cNvCxnSpPr>
          <p:nvPr/>
        </p:nvCxnSpPr>
        <p:spPr>
          <a:xfrm>
            <a:off x="1973249" y="5273949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" name="Group 10">
            <a:extLst>
              <a:ext uri="{FF2B5EF4-FFF2-40B4-BE49-F238E27FC236}">
                <a16:creationId xmlns:a16="http://schemas.microsoft.com/office/drawing/2014/main" id="{AF6CC89A-7B98-A7EE-8F6B-6B0F8B003983}"/>
              </a:ext>
            </a:extLst>
          </p:cNvPr>
          <p:cNvGrpSpPr/>
          <p:nvPr/>
        </p:nvGrpSpPr>
        <p:grpSpPr>
          <a:xfrm>
            <a:off x="9515180" y="4258706"/>
            <a:ext cx="1401316" cy="1456983"/>
            <a:chOff x="9515180" y="4258706"/>
            <a:chExt cx="1401316" cy="1456983"/>
          </a:xfrm>
        </p:grpSpPr>
        <p:pic>
          <p:nvPicPr>
            <p:cNvPr id="6" name="Picture 10" descr="Technician - Free user icons">
              <a:extLst>
                <a:ext uri="{FF2B5EF4-FFF2-40B4-BE49-F238E27FC236}">
                  <a16:creationId xmlns:a16="http://schemas.microsoft.com/office/drawing/2014/main" id="{DDE8B500-2726-5302-94F3-8F4FD77D4AF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515180" y="4258706"/>
              <a:ext cx="1401316" cy="140131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" name="Picture 9" descr="Red Cross PNG, Vector, PSD, and Clipart With Transparent Background for  Free Download | Pngtree">
              <a:extLst>
                <a:ext uri="{FF2B5EF4-FFF2-40B4-BE49-F238E27FC236}">
                  <a16:creationId xmlns:a16="http://schemas.microsoft.com/office/drawing/2014/main" id="{BC61B8B8-0362-CD81-4B0A-EDB6A6CC32D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515180" y="4544981"/>
              <a:ext cx="1170708" cy="1170708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8627410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3" fill="hold">
                      <p:stCondLst>
                        <p:cond delay="indefinite"/>
                      </p:stCondLst>
                      <p:childTnLst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7" presetID="1" presetClass="exit" presetSubtype="0" fill="hold" grpId="3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9" fill="hold">
                      <p:stCondLst>
                        <p:cond delay="indefinite"/>
                      </p:stCondLst>
                      <p:childTnLst>
                        <p:par>
                          <p:cTn id="110" fill="hold">
                            <p:stCondLst>
                              <p:cond delay="0"/>
                            </p:stCondLst>
                            <p:childTnLst>
                              <p:par>
                                <p:cTn id="1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3" fill="hold">
                      <p:stCondLst>
                        <p:cond delay="indefinite"/>
                      </p:stCondLst>
                      <p:childTnLst>
                        <p:par>
                          <p:cTn id="124" fill="hold">
                            <p:stCondLst>
                              <p:cond delay="0"/>
                            </p:stCondLst>
                            <p:childTnLst>
                              <p:par>
                                <p:cTn id="1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9" fill="hold">
                      <p:stCondLst>
                        <p:cond delay="indefinite"/>
                      </p:stCondLst>
                      <p:childTnLst>
                        <p:par>
                          <p:cTn id="130" fill="hold">
                            <p:stCondLst>
                              <p:cond delay="0"/>
                            </p:stCondLst>
                            <p:childTnLst>
                              <p:par>
                                <p:cTn id="1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5" fill="hold">
                      <p:stCondLst>
                        <p:cond delay="indefinite"/>
                      </p:stCondLst>
                      <p:childTnLst>
                        <p:par>
                          <p:cTn id="136" fill="hold">
                            <p:stCondLst>
                              <p:cond delay="0"/>
                            </p:stCondLst>
                            <p:childTnLst>
                              <p:par>
                                <p:cTn id="1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3" grpId="0" uiExpand="1" build="p"/>
      <p:bldP spid="1024" grpId="0" animBg="1"/>
      <p:bldP spid="1027" grpId="0"/>
      <p:bldP spid="1029" grpId="0" animBg="1"/>
      <p:bldP spid="1029" grpId="1" animBg="1"/>
      <p:bldP spid="1030" grpId="0"/>
      <p:bldP spid="1030" grpId="1"/>
      <p:bldP spid="4" grpId="0"/>
      <p:bldP spid="5" grpId="0" animBg="1"/>
      <p:bldP spid="12" grpId="0"/>
      <p:bldP spid="15" grpId="0" animBg="1"/>
      <p:bldP spid="15" grpId="1" animBg="1"/>
      <p:bldP spid="15" grpId="2" animBg="1"/>
      <p:bldP spid="15" grpId="3" animBg="1"/>
      <p:bldP spid="17" grpId="0" animBg="1"/>
      <p:bldP spid="17" grpId="1" animBg="1"/>
      <p:bldP spid="20" grpId="0"/>
      <p:bldP spid="20" grpId="1"/>
      <p:bldP spid="23" grpId="0"/>
      <p:bldP spid="23" grpId="1"/>
      <p:bldP spid="26" grpId="0" animBg="1"/>
      <p:bldP spid="26" grpId="1" animBg="1"/>
      <p:bldP spid="27" grpId="0"/>
      <p:bldP spid="30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8DDBA81B-4BBB-4A74-B0E2-E0CFFF160F64}"/>
              </a:ext>
            </a:extLst>
          </p:cNvPr>
          <p:cNvSpPr/>
          <p:nvPr/>
        </p:nvSpPr>
        <p:spPr>
          <a:xfrm>
            <a:off x="0" y="0"/>
            <a:ext cx="12192239" cy="6941217"/>
          </a:xfrm>
          <a:prstGeom prst="rect">
            <a:avLst/>
          </a:prstGeom>
          <a:solidFill>
            <a:srgbClr val="009FD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CC1D72D-3B50-49B9-AB1E-5E5D21A74630}"/>
              </a:ext>
            </a:extLst>
          </p:cNvPr>
          <p:cNvSpPr txBox="1"/>
          <p:nvPr/>
        </p:nvSpPr>
        <p:spPr>
          <a:xfrm>
            <a:off x="712513" y="2301070"/>
            <a:ext cx="4259179" cy="461665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2400" b="1" dirty="0">
                <a:solidFill>
                  <a:schemeClr val="bg1"/>
                </a:solidFill>
                <a:latin typeface="Arial"/>
                <a:cs typeface="Arial"/>
              </a:rPr>
              <a:t>Member Universities</a:t>
            </a:r>
            <a:endParaRPr lang="en-US" sz="2400" dirty="0">
              <a:solidFill>
                <a:schemeClr val="bg1"/>
              </a:solidFill>
              <a:cs typeface="Calibri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353DEB0-6822-4741-BC36-6B7D678A3D4B}"/>
              </a:ext>
            </a:extLst>
          </p:cNvPr>
          <p:cNvSpPr txBox="1"/>
          <p:nvPr/>
        </p:nvSpPr>
        <p:spPr>
          <a:xfrm>
            <a:off x="712512" y="2753267"/>
            <a:ext cx="2558717" cy="3046988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University of Alberta</a:t>
            </a:r>
            <a:br>
              <a:rPr lang="en-US" sz="1600" dirty="0">
                <a:latin typeface="Arial"/>
                <a:cs typeface="Arial"/>
              </a:rPr>
            </a:br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University of British Columbia</a:t>
            </a:r>
            <a:br>
              <a:rPr lang="en-US" sz="1600" dirty="0">
                <a:latin typeface="Arial"/>
                <a:cs typeface="Arial"/>
              </a:rPr>
            </a:br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Carleton University</a:t>
            </a:r>
          </a:p>
          <a:p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University of Calgary</a:t>
            </a:r>
            <a:br>
              <a:rPr lang="en-US" sz="1600" dirty="0">
                <a:latin typeface="Arial"/>
                <a:cs typeface="Arial"/>
              </a:rPr>
            </a:br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University of Guelph</a:t>
            </a:r>
            <a:br>
              <a:rPr lang="en-US" sz="1600" dirty="0">
                <a:latin typeface="Arial"/>
                <a:cs typeface="Arial"/>
              </a:rPr>
            </a:br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University of Manitoba</a:t>
            </a:r>
            <a:br>
              <a:rPr lang="en-US" sz="1600" dirty="0">
                <a:latin typeface="Arial"/>
                <a:cs typeface="Arial"/>
              </a:rPr>
            </a:br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McGill University</a:t>
            </a:r>
          </a:p>
          <a:p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McMaster University</a:t>
            </a:r>
          </a:p>
          <a:p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Université de Montréal</a:t>
            </a:r>
          </a:p>
          <a:p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University of Northern </a:t>
            </a:r>
            <a:b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</a:b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British Columbia</a:t>
            </a:r>
          </a:p>
        </p:txBody>
      </p:sp>
      <p:pic>
        <p:nvPicPr>
          <p:cNvPr id="6" name="Picture 5" descr="Map&#10;&#10;Description automatically generated">
            <a:extLst>
              <a:ext uri="{FF2B5EF4-FFF2-40B4-BE49-F238E27FC236}">
                <a16:creationId xmlns:a16="http://schemas.microsoft.com/office/drawing/2014/main" id="{84403381-9B39-65F8-8369-5492FC4E3FF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42254" t="11497" r="6383" b="11108"/>
          <a:stretch/>
        </p:blipFill>
        <p:spPr>
          <a:xfrm>
            <a:off x="5709630" y="1420848"/>
            <a:ext cx="6482370" cy="5494304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AA069473-E168-4312-84BB-02C8C07164C9}"/>
              </a:ext>
            </a:extLst>
          </p:cNvPr>
          <p:cNvSpPr txBox="1"/>
          <p:nvPr/>
        </p:nvSpPr>
        <p:spPr>
          <a:xfrm>
            <a:off x="3370033" y="2753267"/>
            <a:ext cx="3368843" cy="280076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Queen's University</a:t>
            </a:r>
            <a:b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</a:br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University of Regina</a:t>
            </a:r>
          </a:p>
          <a:p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Saint Mary’s University</a:t>
            </a:r>
          </a:p>
          <a:p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Université de Sherbrooke</a:t>
            </a:r>
            <a:b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</a:br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Simon Fraser University</a:t>
            </a:r>
            <a:b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</a:br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University of Toronto</a:t>
            </a:r>
            <a:b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</a:br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University of Victoria</a:t>
            </a:r>
          </a:p>
          <a:p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University of Waterloo</a:t>
            </a:r>
          </a:p>
          <a:p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Western University</a:t>
            </a:r>
          </a:p>
          <a:p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University of Winnipeg</a:t>
            </a:r>
            <a:b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</a:br>
            <a:r>
              <a:rPr lang="en-US" sz="1600" dirty="0">
                <a:solidFill>
                  <a:schemeClr val="bg1"/>
                </a:solidFill>
                <a:latin typeface="Arial"/>
                <a:cs typeface="Arial"/>
              </a:rPr>
              <a:t>York University</a:t>
            </a:r>
          </a:p>
        </p:txBody>
      </p:sp>
      <p:sp>
        <p:nvSpPr>
          <p:cNvPr id="3" name="Slide Number Placeholder 5">
            <a:extLst>
              <a:ext uri="{FF2B5EF4-FFF2-40B4-BE49-F238E27FC236}">
                <a16:creationId xmlns:a16="http://schemas.microsoft.com/office/drawing/2014/main" id="{D8198476-5163-4858-F6B8-C11D9B3B3A2B}"/>
              </a:ext>
            </a:extLst>
          </p:cNvPr>
          <p:cNvSpPr txBox="1">
            <a:spLocks/>
          </p:cNvSpPr>
          <p:nvPr/>
        </p:nvSpPr>
        <p:spPr>
          <a:xfrm>
            <a:off x="11428646" y="979688"/>
            <a:ext cx="636727" cy="322851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dirty="0">
              <a:solidFill>
                <a:schemeClr val="bg2">
                  <a:lumMod val="10000"/>
                </a:schemeClr>
              </a:solidFill>
              <a:latin typeface="Arial" panose="020B0604020202020204"/>
            </a:endParaRP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8C2AEDA-F09A-303B-B534-33F41953FC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CA" dirty="0"/>
              <a:t> </a:t>
            </a:r>
          </a:p>
        </p:txBody>
      </p:sp>
      <p:sp>
        <p:nvSpPr>
          <p:cNvPr id="8" name="Slide Number Placeholder 1">
            <a:extLst>
              <a:ext uri="{FF2B5EF4-FFF2-40B4-BE49-F238E27FC236}">
                <a16:creationId xmlns:a16="http://schemas.microsoft.com/office/drawing/2014/main" id="{1406D31A-4D2C-D373-4428-DAF305DA4ACF}"/>
              </a:ext>
            </a:extLst>
          </p:cNvPr>
          <p:cNvSpPr txBox="1">
            <a:spLocks/>
          </p:cNvSpPr>
          <p:nvPr/>
        </p:nvSpPr>
        <p:spPr>
          <a:xfrm>
            <a:off x="11689734" y="6380480"/>
            <a:ext cx="502265" cy="271869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6CB4B4D-7CA3-9044-876B-883B54F8677D}" type="slidenum">
              <a:rPr lang="en-CA" sz="1100" smtClean="0">
                <a:solidFill>
                  <a:schemeClr val="bg1"/>
                </a:solidFill>
                <a:latin typeface="+mj-lt"/>
              </a:rPr>
              <a:pPr/>
              <a:t>2</a:t>
            </a:fld>
            <a:endParaRPr lang="en-CA" sz="1100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4F74B87-4672-1FB0-3810-CFD56CF1604B}"/>
              </a:ext>
            </a:extLst>
          </p:cNvPr>
          <p:cNvSpPr txBox="1"/>
          <p:nvPr/>
        </p:nvSpPr>
        <p:spPr>
          <a:xfrm>
            <a:off x="712512" y="209622"/>
            <a:ext cx="10972801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32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RIUMF: </a:t>
            </a:r>
            <a:r>
              <a:rPr lang="en-US" sz="32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anada’s particle accelerator center</a:t>
            </a: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5541146-A53B-9ADA-C07D-76295C20CC05}"/>
              </a:ext>
            </a:extLst>
          </p:cNvPr>
          <p:cNvSpPr txBox="1"/>
          <p:nvPr/>
        </p:nvSpPr>
        <p:spPr>
          <a:xfrm>
            <a:off x="712513" y="941777"/>
            <a:ext cx="10260288" cy="40011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2000" dirty="0">
                <a:solidFill>
                  <a:schemeClr val="bg1"/>
                </a:solidFill>
                <a:cs typeface="Arial"/>
              </a:rPr>
              <a:t>TRIUMF is</a:t>
            </a:r>
            <a:r>
              <a:rPr lang="en-US" sz="2000" dirty="0">
                <a:solidFill>
                  <a:schemeClr val="bg1"/>
                </a:solidFill>
                <a:latin typeface="+mj-lt"/>
                <a:cs typeface="Arial"/>
              </a:rPr>
              <a:t> a not-for-profit corporation owned by a consortium of 21 member universities</a:t>
            </a:r>
            <a:endParaRPr lang="en-US" sz="2000" b="1" dirty="0">
              <a:solidFill>
                <a:schemeClr val="bg1"/>
              </a:solidFill>
              <a:highlight>
                <a:srgbClr val="FFFF00"/>
              </a:highlight>
              <a:latin typeface="+mj-lt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44337880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F6FC3FC-3945-26C2-EB9D-F1C55837AA4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AE9B3DD-3354-D4B6-EBEE-137D9E361882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ISAC vs ARIEL target exchange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2D0E1F-E7BF-3D99-E8E9-793D2D64B8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20</a:t>
            </a:fld>
            <a:endParaRPr lang="en-US"/>
          </a:p>
        </p:txBody>
      </p:sp>
      <p:sp>
        <p:nvSpPr>
          <p:cNvPr id="93" name="Content Placeholder 3">
            <a:extLst>
              <a:ext uri="{FF2B5EF4-FFF2-40B4-BE49-F238E27FC236}">
                <a16:creationId xmlns:a16="http://schemas.microsoft.com/office/drawing/2014/main" id="{6A1DE268-3DB5-E8EC-618C-4FA61C33DD9D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7904115" y="1163229"/>
            <a:ext cx="3600473" cy="313660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Few hours </a:t>
            </a:r>
            <a:r>
              <a:rPr lang="en-CA" sz="1400"/>
              <a:t>of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Remote</a:t>
            </a:r>
            <a:r>
              <a:rPr lang="en-CA" sz="1400"/>
              <a:t> </a:t>
            </a:r>
            <a:r>
              <a:rPr lang="en-CA" sz="1400" u="sng"/>
              <a:t>vacuum</a:t>
            </a:r>
            <a:r>
              <a:rPr lang="en-CA" sz="1400"/>
              <a:t>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</a:t>
            </a:r>
            <a:r>
              <a:rPr lang="en-CA" sz="1400" u="sng"/>
              <a:t>target</a:t>
            </a:r>
            <a:r>
              <a:rPr lang="en-CA" sz="1400"/>
              <a:t> to </a:t>
            </a:r>
            <a:r>
              <a:rPr lang="en-CA" sz="1400" u="sng"/>
              <a:t>spent target vault</a:t>
            </a:r>
            <a:endParaRPr lang="en-CA" sz="140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</a:t>
            </a:r>
            <a:r>
              <a:rPr lang="en-CA" sz="1400" u="sng"/>
              <a:t>new target</a:t>
            </a:r>
            <a:r>
              <a:rPr lang="en-CA" sz="1400"/>
              <a:t>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Remote</a:t>
            </a:r>
            <a:r>
              <a:rPr lang="en-CA" sz="1400"/>
              <a:t> </a:t>
            </a:r>
            <a:r>
              <a:rPr lang="en-CA" sz="1400" u="sng"/>
              <a:t>vacuum</a:t>
            </a:r>
            <a:r>
              <a:rPr lang="en-CA" sz="1400"/>
              <a:t>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 u="sng"/>
              <a:t>Few hours</a:t>
            </a:r>
            <a:r>
              <a:rPr lang="en-CA" sz="1400"/>
              <a:t>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/>
          </a:p>
        </p:txBody>
      </p:sp>
      <p:sp>
        <p:nvSpPr>
          <p:cNvPr id="1024" name="Rectangle: Rounded Corners 1023">
            <a:extLst>
              <a:ext uri="{FF2B5EF4-FFF2-40B4-BE49-F238E27FC236}">
                <a16:creationId xmlns:a16="http://schemas.microsoft.com/office/drawing/2014/main" id="{AD365E7F-C679-D2E7-401C-D04F1CA40FE4}"/>
              </a:ext>
            </a:extLst>
          </p:cNvPr>
          <p:cNvSpPr/>
          <p:nvPr/>
        </p:nvSpPr>
        <p:spPr>
          <a:xfrm>
            <a:off x="7808152" y="1459869"/>
            <a:ext cx="3523345" cy="1912743"/>
          </a:xfrm>
          <a:prstGeom prst="roundRect">
            <a:avLst>
              <a:gd name="adj" fmla="val 8198"/>
            </a:avLst>
          </a:prstGeom>
          <a:noFill/>
          <a:ln w="28575">
            <a:solidFill>
              <a:srgbClr val="ED7D3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27" name="TextBox 1026">
            <a:extLst>
              <a:ext uri="{FF2B5EF4-FFF2-40B4-BE49-F238E27FC236}">
                <a16:creationId xmlns:a16="http://schemas.microsoft.com/office/drawing/2014/main" id="{4F21996B-29C9-A4E8-22D6-1DB52DB42658}"/>
              </a:ext>
            </a:extLst>
          </p:cNvPr>
          <p:cNvSpPr txBox="1"/>
          <p:nvPr/>
        </p:nvSpPr>
        <p:spPr>
          <a:xfrm>
            <a:off x="7948131" y="3919516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accent2"/>
                </a:solidFill>
              </a:rPr>
              <a:t>Approx. </a:t>
            </a:r>
            <a:r>
              <a:rPr lang="en-CA" u="sng">
                <a:solidFill>
                  <a:schemeClr val="accent2"/>
                </a:solidFill>
              </a:rPr>
              <a:t>two days</a:t>
            </a:r>
            <a:r>
              <a:rPr lang="en-CA">
                <a:solidFill>
                  <a:schemeClr val="accent2"/>
                </a:solidFill>
              </a:rPr>
              <a:t> without beam on one station</a:t>
            </a:r>
          </a:p>
        </p:txBody>
      </p:sp>
      <p:sp>
        <p:nvSpPr>
          <p:cNvPr id="6" name="Content Placeholder 3">
            <a:extLst>
              <a:ext uri="{FF2B5EF4-FFF2-40B4-BE49-F238E27FC236}">
                <a16:creationId xmlns:a16="http://schemas.microsoft.com/office/drawing/2014/main" id="{6CA61FFD-F468-6DB5-BB15-44BD6708A9E1}"/>
              </a:ext>
            </a:extLst>
          </p:cNvPr>
          <p:cNvSpPr txBox="1">
            <a:spLocks/>
          </p:cNvSpPr>
          <p:nvPr/>
        </p:nvSpPr>
        <p:spPr>
          <a:xfrm>
            <a:off x="1164098" y="1163229"/>
            <a:ext cx="3600473" cy="3136603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One week cool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Hands-on service dis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module to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Remote target exchange in Hot Cel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Move module to irradiation s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Hands-on service conn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/>
              <a:t>Few days pump-dow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CA" sz="1400">
                <a:solidFill>
                  <a:srgbClr val="00AAFF"/>
                </a:solidFill>
              </a:rPr>
              <a:t>Three weeks irradiation</a:t>
            </a:r>
          </a:p>
          <a:p>
            <a:endParaRPr lang="en-CA" sz="1400"/>
          </a:p>
        </p:txBody>
      </p:sp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E04F63E8-7F04-D2DD-865F-BEDE0C7C98B0}"/>
              </a:ext>
            </a:extLst>
          </p:cNvPr>
          <p:cNvSpPr/>
          <p:nvPr/>
        </p:nvSpPr>
        <p:spPr>
          <a:xfrm>
            <a:off x="1068135" y="1459869"/>
            <a:ext cx="3523345" cy="2228673"/>
          </a:xfrm>
          <a:prstGeom prst="roundRect">
            <a:avLst>
              <a:gd name="adj" fmla="val 8198"/>
            </a:avLst>
          </a:prstGeom>
          <a:noFill/>
          <a:ln w="28575">
            <a:solidFill>
              <a:schemeClr val="bg1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BF7257E-FC4E-46DF-B755-A075ABFB7ED1}"/>
              </a:ext>
            </a:extLst>
          </p:cNvPr>
          <p:cNvSpPr txBox="1"/>
          <p:nvPr/>
        </p:nvSpPr>
        <p:spPr>
          <a:xfrm>
            <a:off x="1214314" y="3928032"/>
            <a:ext cx="32433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800">
                <a:solidFill>
                  <a:schemeClr val="bg1">
                    <a:lumMod val="50000"/>
                  </a:schemeClr>
                </a:solidFill>
              </a:rPr>
              <a:t>Approx. two-</a:t>
            </a:r>
            <a:r>
              <a:rPr lang="en-CA">
                <a:solidFill>
                  <a:schemeClr val="bg1">
                    <a:lumMod val="50000"/>
                  </a:schemeClr>
                </a:solidFill>
              </a:rPr>
              <a:t>three weeks without beam on one station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C217A11-21BD-E46F-C29F-9CF6F95F313F}"/>
              </a:ext>
            </a:extLst>
          </p:cNvPr>
          <p:cNvSpPr txBox="1"/>
          <p:nvPr/>
        </p:nvSpPr>
        <p:spPr>
          <a:xfrm>
            <a:off x="1990725" y="786481"/>
            <a:ext cx="146685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2400"/>
              <a:t>ISAC</a:t>
            </a:r>
            <a:endParaRPr lang="en-CA" sz="140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63B1A53-C413-5ED7-244B-6521041AA576}"/>
              </a:ext>
            </a:extLst>
          </p:cNvPr>
          <p:cNvSpPr txBox="1"/>
          <p:nvPr/>
        </p:nvSpPr>
        <p:spPr>
          <a:xfrm>
            <a:off x="8836398" y="786481"/>
            <a:ext cx="146685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2400"/>
              <a:t>ARIEL</a:t>
            </a:r>
            <a:endParaRPr lang="en-CA" sz="1400"/>
          </a:p>
        </p:txBody>
      </p:sp>
      <p:pic>
        <p:nvPicPr>
          <p:cNvPr id="18" name="Picture 17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DFF0B395-32D7-F85B-E10A-F3429B2F404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6179817" y="6048797"/>
            <a:ext cx="832902" cy="769803"/>
          </a:xfrm>
          <a:prstGeom prst="rect">
            <a:avLst/>
          </a:prstGeom>
        </p:spPr>
      </p:pic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5C2E13F0-C2A5-AF23-7B92-18D0C4FC706E}"/>
              </a:ext>
            </a:extLst>
          </p:cNvPr>
          <p:cNvCxnSpPr>
            <a:cxnSpLocks/>
          </p:cNvCxnSpPr>
          <p:nvPr/>
        </p:nvCxnSpPr>
        <p:spPr>
          <a:xfrm flipV="1">
            <a:off x="6941593" y="5417477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6ED7614D-8E4A-15D5-EAEA-C4631DF41BC1}"/>
              </a:ext>
            </a:extLst>
          </p:cNvPr>
          <p:cNvCxnSpPr>
            <a:cxnSpLocks/>
          </p:cNvCxnSpPr>
          <p:nvPr/>
        </p:nvCxnSpPr>
        <p:spPr>
          <a:xfrm flipH="1" flipV="1">
            <a:off x="6551317" y="5441064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82C79973-C973-EC09-0F43-9B9D57F90778}"/>
              </a:ext>
            </a:extLst>
          </p:cNvPr>
          <p:cNvCxnSpPr>
            <a:cxnSpLocks/>
          </p:cNvCxnSpPr>
          <p:nvPr/>
        </p:nvCxnSpPr>
        <p:spPr>
          <a:xfrm flipV="1">
            <a:off x="6941593" y="5781266"/>
            <a:ext cx="1347" cy="552349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Rectangle: Rounded Corners 27">
            <a:extLst>
              <a:ext uri="{FF2B5EF4-FFF2-40B4-BE49-F238E27FC236}">
                <a16:creationId xmlns:a16="http://schemas.microsoft.com/office/drawing/2014/main" id="{8272EEF7-BE82-5A9F-6B89-BA85CCEC7CAC}"/>
              </a:ext>
            </a:extLst>
          </p:cNvPr>
          <p:cNvSpPr/>
          <p:nvPr/>
        </p:nvSpPr>
        <p:spPr>
          <a:xfrm rot="18766280">
            <a:off x="6187631" y="5106117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9" name="Rectangle: Rounded Corners 28">
            <a:extLst>
              <a:ext uri="{FF2B5EF4-FFF2-40B4-BE49-F238E27FC236}">
                <a16:creationId xmlns:a16="http://schemas.microsoft.com/office/drawing/2014/main" id="{A7A6EE07-B272-9AD1-5863-3E2FFEE1A196}"/>
              </a:ext>
            </a:extLst>
          </p:cNvPr>
          <p:cNvSpPr/>
          <p:nvPr/>
        </p:nvSpPr>
        <p:spPr>
          <a:xfrm rot="2634991">
            <a:off x="7014669" y="5115402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4109BED9-4FBE-477B-08CC-BF9C30659883}"/>
              </a:ext>
            </a:extLst>
          </p:cNvPr>
          <p:cNvCxnSpPr>
            <a:cxnSpLocks/>
          </p:cNvCxnSpPr>
          <p:nvPr/>
        </p:nvCxnSpPr>
        <p:spPr>
          <a:xfrm flipV="1">
            <a:off x="6922506" y="4283538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638DDDE8-03B9-0AF4-8985-D86930EFDD58}"/>
              </a:ext>
            </a:extLst>
          </p:cNvPr>
          <p:cNvCxnSpPr>
            <a:cxnSpLocks/>
          </p:cNvCxnSpPr>
          <p:nvPr/>
        </p:nvCxnSpPr>
        <p:spPr>
          <a:xfrm flipH="1" flipV="1">
            <a:off x="6913573" y="4822756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F71F25F7-F24D-B9F9-EAA5-9BF97C3D79FF}"/>
              </a:ext>
            </a:extLst>
          </p:cNvPr>
          <p:cNvCxnSpPr>
            <a:cxnSpLocks/>
          </p:cNvCxnSpPr>
          <p:nvPr/>
        </p:nvCxnSpPr>
        <p:spPr>
          <a:xfrm flipV="1">
            <a:off x="6739861" y="4822755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Rectangle: Rounded Corners 33">
            <a:extLst>
              <a:ext uri="{FF2B5EF4-FFF2-40B4-BE49-F238E27FC236}">
                <a16:creationId xmlns:a16="http://schemas.microsoft.com/office/drawing/2014/main" id="{222BE732-F62C-F90C-BFBC-203B0D544839}"/>
              </a:ext>
            </a:extLst>
          </p:cNvPr>
          <p:cNvSpPr/>
          <p:nvPr/>
        </p:nvSpPr>
        <p:spPr>
          <a:xfrm>
            <a:off x="5663206" y="4609096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EA068550-209C-EEE5-EFA7-E78FA5AD09CC}"/>
              </a:ext>
            </a:extLst>
          </p:cNvPr>
          <p:cNvSpPr txBox="1"/>
          <p:nvPr/>
        </p:nvSpPr>
        <p:spPr>
          <a:xfrm>
            <a:off x="5727462" y="4684437"/>
            <a:ext cx="72195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00">
                <a:solidFill>
                  <a:srgbClr val="002060"/>
                </a:solidFill>
              </a:rPr>
              <a:t>ISAC</a:t>
            </a:r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C58DBC56-4B0D-DADC-24D7-3423F796AC09}"/>
              </a:ext>
            </a:extLst>
          </p:cNvPr>
          <p:cNvSpPr txBox="1"/>
          <p:nvPr/>
        </p:nvSpPr>
        <p:spPr>
          <a:xfrm>
            <a:off x="6649064" y="3890442"/>
            <a:ext cx="82202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>
                <a:solidFill>
                  <a:schemeClr val="accent4">
                    <a:lumMod val="60000"/>
                    <a:lumOff val="40000"/>
                  </a:schemeClr>
                </a:solidFill>
              </a:rPr>
              <a:t>RIBs</a:t>
            </a:r>
          </a:p>
        </p:txBody>
      </p:sp>
      <p:sp>
        <p:nvSpPr>
          <p:cNvPr id="41" name="Rectangle: Rounded Corners 40">
            <a:extLst>
              <a:ext uri="{FF2B5EF4-FFF2-40B4-BE49-F238E27FC236}">
                <a16:creationId xmlns:a16="http://schemas.microsoft.com/office/drawing/2014/main" id="{7DF2E776-D9FD-AD16-8FFF-3D182D22E72F}"/>
              </a:ext>
            </a:extLst>
          </p:cNvPr>
          <p:cNvSpPr/>
          <p:nvPr/>
        </p:nvSpPr>
        <p:spPr>
          <a:xfrm rot="18766280">
            <a:off x="4515363" y="4249066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38056593-0E7E-6463-FF49-24D65CD19768}"/>
              </a:ext>
            </a:extLst>
          </p:cNvPr>
          <p:cNvCxnSpPr>
            <a:cxnSpLocks/>
          </p:cNvCxnSpPr>
          <p:nvPr/>
        </p:nvCxnSpPr>
        <p:spPr>
          <a:xfrm flipV="1">
            <a:off x="5203592" y="3805522"/>
            <a:ext cx="289270" cy="321422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AD5C1D96-1678-0F26-C020-DEFA3FD2CFA1}"/>
              </a:ext>
            </a:extLst>
          </p:cNvPr>
          <p:cNvCxnSpPr>
            <a:cxnSpLocks/>
          </p:cNvCxnSpPr>
          <p:nvPr/>
        </p:nvCxnSpPr>
        <p:spPr>
          <a:xfrm>
            <a:off x="5474750" y="3812693"/>
            <a:ext cx="977052" cy="4965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06EEED8F-58DD-172A-6D67-F00804B2A791}"/>
              </a:ext>
            </a:extLst>
          </p:cNvPr>
          <p:cNvCxnSpPr>
            <a:cxnSpLocks/>
            <a:endCxn id="41" idx="1"/>
          </p:cNvCxnSpPr>
          <p:nvPr/>
        </p:nvCxnSpPr>
        <p:spPr>
          <a:xfrm flipV="1">
            <a:off x="4282086" y="4700132"/>
            <a:ext cx="363802" cy="417577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EE9EF016-3F88-3D71-C95F-90D8D63F099B}"/>
              </a:ext>
            </a:extLst>
          </p:cNvPr>
          <p:cNvCxnSpPr>
            <a:cxnSpLocks/>
          </p:cNvCxnSpPr>
          <p:nvPr/>
        </p:nvCxnSpPr>
        <p:spPr>
          <a:xfrm flipH="1" flipV="1">
            <a:off x="4282086" y="5117709"/>
            <a:ext cx="7364" cy="934973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4E1D1DC8-83B2-90FC-2D86-27E64B98CABE}"/>
              </a:ext>
            </a:extLst>
          </p:cNvPr>
          <p:cNvCxnSpPr>
            <a:cxnSpLocks/>
          </p:cNvCxnSpPr>
          <p:nvPr/>
        </p:nvCxnSpPr>
        <p:spPr>
          <a:xfrm flipH="1" flipV="1">
            <a:off x="4282086" y="6057440"/>
            <a:ext cx="2413463" cy="1865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0" name="Group 19">
            <a:extLst>
              <a:ext uri="{FF2B5EF4-FFF2-40B4-BE49-F238E27FC236}">
                <a16:creationId xmlns:a16="http://schemas.microsoft.com/office/drawing/2014/main" id="{3CF3DE85-C1ED-D282-9A89-FED1A256A201}"/>
              </a:ext>
            </a:extLst>
          </p:cNvPr>
          <p:cNvGrpSpPr/>
          <p:nvPr/>
        </p:nvGrpSpPr>
        <p:grpSpPr>
          <a:xfrm>
            <a:off x="4486628" y="4104645"/>
            <a:ext cx="1910622" cy="2719358"/>
            <a:chOff x="4486628" y="4104645"/>
            <a:chExt cx="1910622" cy="2719358"/>
          </a:xfrm>
        </p:grpSpPr>
        <p:cxnSp>
          <p:nvCxnSpPr>
            <p:cNvPr id="5" name="Straight Connector 4">
              <a:extLst>
                <a:ext uri="{FF2B5EF4-FFF2-40B4-BE49-F238E27FC236}">
                  <a16:creationId xmlns:a16="http://schemas.microsoft.com/office/drawing/2014/main" id="{DDE28354-6411-EDC3-FB32-1D07F0AF6A6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492107" y="5436512"/>
              <a:ext cx="2697" cy="781449"/>
            </a:xfrm>
            <a:prstGeom prst="line">
              <a:avLst/>
            </a:prstGeom>
            <a:ln w="28575">
              <a:solidFill>
                <a:srgbClr val="00206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Straight Arrow Connector 7">
              <a:extLst>
                <a:ext uri="{FF2B5EF4-FFF2-40B4-BE49-F238E27FC236}">
                  <a16:creationId xmlns:a16="http://schemas.microsoft.com/office/drawing/2014/main" id="{511C0421-AFC4-A699-3AC0-8C2C26133C60}"/>
                </a:ext>
              </a:extLst>
            </p:cNvPr>
            <p:cNvCxnSpPr>
              <a:cxnSpLocks/>
              <a:endCxn id="10" idx="1"/>
            </p:cNvCxnSpPr>
            <p:nvPr/>
          </p:nvCxnSpPr>
          <p:spPr>
            <a:xfrm flipV="1">
              <a:off x="4494804" y="4929294"/>
              <a:ext cx="443753" cy="507218"/>
            </a:xfrm>
            <a:prstGeom prst="straightConnector1">
              <a:avLst/>
            </a:prstGeom>
            <a:ln w="28575">
              <a:solidFill>
                <a:srgbClr val="002060"/>
              </a:solidFill>
              <a:prstDash val="dash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" name="Rectangle: Rounded Corners 9">
              <a:extLst>
                <a:ext uri="{FF2B5EF4-FFF2-40B4-BE49-F238E27FC236}">
                  <a16:creationId xmlns:a16="http://schemas.microsoft.com/office/drawing/2014/main" id="{AD6A2CDF-38E7-4629-B63F-61A79638FCE1}"/>
                </a:ext>
              </a:extLst>
            </p:cNvPr>
            <p:cNvSpPr/>
            <p:nvPr/>
          </p:nvSpPr>
          <p:spPr>
            <a:xfrm rot="18766280">
              <a:off x="4818556" y="4502300"/>
              <a:ext cx="747841" cy="305019"/>
            </a:xfrm>
            <a:prstGeom prst="roundRect">
              <a:avLst/>
            </a:prstGeom>
            <a:solidFill>
              <a:schemeClr val="accent2">
                <a:lumMod val="75000"/>
                <a:alpha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411" dirty="0"/>
                <a:t>AETE</a:t>
              </a:r>
              <a:endParaRPr lang="en-CA" sz="2116" dirty="0"/>
            </a:p>
          </p:txBody>
        </p: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D726A533-155B-EE99-E5B5-747FC8CBEAA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472996" y="4104645"/>
              <a:ext cx="289270" cy="321422"/>
            </a:xfrm>
            <a:prstGeom prst="line">
              <a:avLst/>
            </a:prstGeom>
            <a:ln w="28575">
              <a:solidFill>
                <a:schemeClr val="accent4">
                  <a:lumMod val="60000"/>
                  <a:lumOff val="4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Arrow Connector 12">
              <a:extLst>
                <a:ext uri="{FF2B5EF4-FFF2-40B4-BE49-F238E27FC236}">
                  <a16:creationId xmlns:a16="http://schemas.microsoft.com/office/drawing/2014/main" id="{1E2ED361-26DA-C953-A3C2-FDEBD7E2FAEC}"/>
                </a:ext>
              </a:extLst>
            </p:cNvPr>
            <p:cNvCxnSpPr>
              <a:cxnSpLocks/>
            </p:cNvCxnSpPr>
            <p:nvPr/>
          </p:nvCxnSpPr>
          <p:spPr>
            <a:xfrm>
              <a:off x="5744154" y="4111816"/>
              <a:ext cx="653096" cy="10634"/>
            </a:xfrm>
            <a:prstGeom prst="straightConnector1">
              <a:avLst/>
            </a:prstGeom>
            <a:ln w="285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8F24ED19-5421-CEA1-488C-F84BB2334680}"/>
                </a:ext>
              </a:extLst>
            </p:cNvPr>
            <p:cNvSpPr/>
            <p:nvPr/>
          </p:nvSpPr>
          <p:spPr>
            <a:xfrm rot="2760550">
              <a:off x="4590710" y="6423419"/>
              <a:ext cx="500929" cy="300239"/>
            </a:xfrm>
            <a:prstGeom prst="rect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1588"/>
            </a:p>
          </p:txBody>
        </p: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D242435D-5BB8-A599-669D-35CED116B9EA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4486628" y="6203273"/>
              <a:ext cx="208822" cy="218459"/>
            </a:xfrm>
            <a:prstGeom prst="line">
              <a:avLst/>
            </a:prstGeom>
            <a:ln w="28575">
              <a:solidFill>
                <a:srgbClr val="00206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5173144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animBg="1"/>
      <p:bldP spid="29" grpId="0" animBg="1"/>
      <p:bldP spid="34" grpId="0" animBg="1"/>
      <p:bldP spid="35" grpId="0"/>
      <p:bldP spid="38" grpId="0"/>
      <p:bldP spid="41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330B334-C867-5A7C-2606-C7F1C9C31514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Hermetic Target Vessel (HTV) capabilitie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F6F784C-AD3F-CDED-5BAE-283C156689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21</a:t>
            </a:fld>
            <a:endParaRPr lang="en-US"/>
          </a:p>
        </p:txBody>
      </p:sp>
      <p:sp>
        <p:nvSpPr>
          <p:cNvPr id="48" name="Content Placeholder 3">
            <a:extLst>
              <a:ext uri="{FF2B5EF4-FFF2-40B4-BE49-F238E27FC236}">
                <a16:creationId xmlns:a16="http://schemas.microsoft.com/office/drawing/2014/main" id="{CCC0958A-C13B-36CC-D900-A8042EF880CB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189082" y="1044534"/>
            <a:ext cx="5736362" cy="4294358"/>
          </a:xfrm>
        </p:spPr>
        <p:txBody>
          <a:bodyPr/>
          <a:lstStyle/>
          <a:p>
            <a:r>
              <a:rPr lang="en-CA" sz="1800"/>
              <a:t>ISOLDE-style, high-power target vessel</a:t>
            </a:r>
          </a:p>
          <a:p>
            <a:r>
              <a:rPr lang="en-CA" sz="1800"/>
              <a:t>Improved DC current delivery</a:t>
            </a:r>
          </a:p>
          <a:p>
            <a:pPr lvl="1"/>
            <a:r>
              <a:rPr lang="en-CA" sz="1400"/>
              <a:t>Increasing temperature</a:t>
            </a:r>
          </a:p>
          <a:p>
            <a:pPr lvl="1"/>
            <a:r>
              <a:rPr lang="en-CA" sz="1400"/>
              <a:t>Thicker target heaters to reduce likelihood of breaking</a:t>
            </a:r>
          </a:p>
          <a:p>
            <a:pPr lvl="1"/>
            <a:r>
              <a:rPr lang="en-CA" sz="1400"/>
              <a:t>Bigger diameters possible</a:t>
            </a:r>
          </a:p>
          <a:p>
            <a:pPr lvl="1"/>
            <a:r>
              <a:rPr lang="en-CA" sz="1400"/>
              <a:t>Compatible with beam </a:t>
            </a:r>
            <a:r>
              <a:rPr lang="en-CA" sz="1400" err="1"/>
              <a:t>rastering</a:t>
            </a:r>
            <a:r>
              <a:rPr lang="en-CA" sz="1400"/>
              <a:t> (rotating)</a:t>
            </a:r>
          </a:p>
          <a:p>
            <a:r>
              <a:rPr lang="en-CA" sz="1800"/>
              <a:t>Mass markers for offline/pre-delivery tuning</a:t>
            </a:r>
          </a:p>
          <a:p>
            <a:r>
              <a:rPr lang="en-CA" sz="1800"/>
              <a:t>Gas injection</a:t>
            </a:r>
          </a:p>
          <a:p>
            <a:pPr lvl="1"/>
            <a:r>
              <a:rPr lang="en-CA" sz="1400"/>
              <a:t>For plasma ion source (FEBIAD)</a:t>
            </a:r>
          </a:p>
          <a:p>
            <a:pPr lvl="1"/>
            <a:r>
              <a:rPr lang="en-CA" sz="1400"/>
              <a:t>To support radioactive molecule production</a:t>
            </a:r>
          </a:p>
          <a:p>
            <a:r>
              <a:rPr lang="en-CA" sz="1800"/>
              <a:t>All-metal sealing solution is possible</a:t>
            </a:r>
            <a:endParaRPr lang="en-CA" sz="1400"/>
          </a:p>
          <a:p>
            <a:pPr marL="0" indent="0">
              <a:buNone/>
            </a:pPr>
            <a:endParaRPr lang="en-CA" sz="180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DC5D2401-958B-1757-2F2C-8A2831261105}"/>
              </a:ext>
            </a:extLst>
          </p:cNvPr>
          <p:cNvGrpSpPr/>
          <p:nvPr/>
        </p:nvGrpSpPr>
        <p:grpSpPr>
          <a:xfrm>
            <a:off x="4890020" y="858185"/>
            <a:ext cx="6735058" cy="5636275"/>
            <a:chOff x="4894534" y="858185"/>
            <a:chExt cx="6735058" cy="5636275"/>
          </a:xfrm>
        </p:grpSpPr>
        <p:pic>
          <p:nvPicPr>
            <p:cNvPr id="36" name="Picture 35">
              <a:extLst>
                <a:ext uri="{FF2B5EF4-FFF2-40B4-BE49-F238E27FC236}">
                  <a16:creationId xmlns:a16="http://schemas.microsoft.com/office/drawing/2014/main" id="{DA3AB290-B47C-B106-6E05-274D774615F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891726" y="1238000"/>
              <a:ext cx="3769527" cy="4749245"/>
            </a:xfrm>
            <a:prstGeom prst="rect">
              <a:avLst/>
            </a:prstGeom>
          </p:spPr>
        </p:pic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6EDDDAE7-8F00-A27F-A578-026F973A0D2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652149" y="5790373"/>
              <a:ext cx="351305" cy="38759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6B65ACCD-E512-36E6-2D50-BA3C95416A83}"/>
                </a:ext>
              </a:extLst>
            </p:cNvPr>
            <p:cNvSpPr/>
            <p:nvPr/>
          </p:nvSpPr>
          <p:spPr>
            <a:xfrm>
              <a:off x="5780777" y="6177963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Feet for landing</a:t>
              </a:r>
            </a:p>
          </p:txBody>
        </p: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27FBED61-53B6-1584-EA42-BB79BD6CC5CB}"/>
                </a:ext>
              </a:extLst>
            </p:cNvPr>
            <p:cNvCxnSpPr>
              <a:cxnSpLocks/>
              <a:stCxn id="18" idx="0"/>
            </p:cNvCxnSpPr>
            <p:nvPr/>
          </p:nvCxnSpPr>
          <p:spPr>
            <a:xfrm flipV="1">
              <a:off x="5712983" y="4337078"/>
              <a:ext cx="921997" cy="918775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81BEF034-1622-0311-F5ED-34E4510382A7}"/>
                </a:ext>
              </a:extLst>
            </p:cNvPr>
            <p:cNvSpPr/>
            <p:nvPr/>
          </p:nvSpPr>
          <p:spPr>
            <a:xfrm>
              <a:off x="4894534" y="5255853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P</a:t>
              </a:r>
              <a:r>
                <a:rPr lang="en-US" sz="1400" baseline="30000"/>
                <a:t>+</a:t>
              </a:r>
              <a:r>
                <a:rPr lang="en-US" sz="1400"/>
                <a:t> beam window</a:t>
              </a:r>
            </a:p>
          </p:txBody>
        </p:sp>
        <p:cxnSp>
          <p:nvCxnSpPr>
            <p:cNvPr id="20" name="Straight Arrow Connector 19">
              <a:extLst>
                <a:ext uri="{FF2B5EF4-FFF2-40B4-BE49-F238E27FC236}">
                  <a16:creationId xmlns:a16="http://schemas.microsoft.com/office/drawing/2014/main" id="{A1B2FD4D-EDF3-A82E-8BC0-D4291828916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635243" y="3677503"/>
              <a:ext cx="1155362" cy="850567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6F269A8A-63B6-FE6A-B796-C30B9D483AD8}"/>
                </a:ext>
              </a:extLst>
            </p:cNvPr>
            <p:cNvSpPr/>
            <p:nvPr/>
          </p:nvSpPr>
          <p:spPr>
            <a:xfrm>
              <a:off x="5007223" y="4488133"/>
              <a:ext cx="1287675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HTV cup</a:t>
              </a:r>
            </a:p>
          </p:txBody>
        </p:sp>
        <p:cxnSp>
          <p:nvCxnSpPr>
            <p:cNvPr id="23" name="Straight Arrow Connector 22">
              <a:extLst>
                <a:ext uri="{FF2B5EF4-FFF2-40B4-BE49-F238E27FC236}">
                  <a16:creationId xmlns:a16="http://schemas.microsoft.com/office/drawing/2014/main" id="{51D0AECE-617B-24D1-E957-414A9455065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759455" y="3426085"/>
              <a:ext cx="713337" cy="490468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028BDFB1-4D2B-C71C-4C46-BCA0C95F5C36}"/>
                </a:ext>
              </a:extLst>
            </p:cNvPr>
            <p:cNvSpPr/>
            <p:nvPr/>
          </p:nvSpPr>
          <p:spPr>
            <a:xfrm>
              <a:off x="5062574" y="3662531"/>
              <a:ext cx="1255678" cy="52322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HTV </a:t>
              </a:r>
            </a:p>
            <a:p>
              <a:pPr>
                <a:buClr>
                  <a:srgbClr val="00B0F0"/>
                </a:buClr>
              </a:pPr>
              <a:r>
                <a:rPr lang="en-US" sz="1400"/>
                <a:t>back plate</a:t>
              </a:r>
            </a:p>
          </p:txBody>
        </p: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E3D3BA17-3E8E-A34A-101A-3F535386B0C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856964" y="4028023"/>
              <a:ext cx="139852" cy="2149940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E84F9B3F-8A01-965A-3882-DC70B9BC69C1}"/>
                </a:ext>
              </a:extLst>
            </p:cNvPr>
            <p:cNvSpPr/>
            <p:nvPr/>
          </p:nvSpPr>
          <p:spPr>
            <a:xfrm>
              <a:off x="7423496" y="6186683"/>
              <a:ext cx="1181697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1400"/>
                <a:t>Ion source</a:t>
              </a:r>
            </a:p>
          </p:txBody>
        </p:sp>
        <p:cxnSp>
          <p:nvCxnSpPr>
            <p:cNvPr id="31" name="Straight Arrow Connector 30">
              <a:extLst>
                <a:ext uri="{FF2B5EF4-FFF2-40B4-BE49-F238E27FC236}">
                  <a16:creationId xmlns:a16="http://schemas.microsoft.com/office/drawing/2014/main" id="{BDB14FE3-A179-A489-E9D6-B599110A0D5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108609" y="4083241"/>
              <a:ext cx="924625" cy="200352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4627DD07-D9A5-4A44-E0C4-F3699A962269}"/>
                </a:ext>
              </a:extLst>
            </p:cNvPr>
            <p:cNvSpPr/>
            <p:nvPr/>
          </p:nvSpPr>
          <p:spPr>
            <a:xfrm>
              <a:off x="8693697" y="6122466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Target</a:t>
              </a:r>
            </a:p>
          </p:txBody>
        </p:sp>
        <p:cxnSp>
          <p:nvCxnSpPr>
            <p:cNvPr id="37" name="Straight Arrow Connector 36">
              <a:extLst>
                <a:ext uri="{FF2B5EF4-FFF2-40B4-BE49-F238E27FC236}">
                  <a16:creationId xmlns:a16="http://schemas.microsoft.com/office/drawing/2014/main" id="{F0DC825D-8D37-C6EB-091F-90B297B3008D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777065" y="4458553"/>
              <a:ext cx="1016459" cy="122247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1136BC21-BEBA-734A-930E-27BE8B44804E}"/>
                </a:ext>
              </a:extLst>
            </p:cNvPr>
            <p:cNvSpPr/>
            <p:nvPr/>
          </p:nvSpPr>
          <p:spPr>
            <a:xfrm>
              <a:off x="9302074" y="5663463"/>
              <a:ext cx="1636898" cy="52322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1400"/>
                <a:t>Mass markers conductors</a:t>
              </a:r>
            </a:p>
          </p:txBody>
        </p: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304E4798-F6CD-315C-1963-5CFCC73739DF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884931" y="3389178"/>
              <a:ext cx="1325149" cy="1629705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530536B1-F7A0-C855-8EC2-CCF2F267157A}"/>
                </a:ext>
              </a:extLst>
            </p:cNvPr>
            <p:cNvSpPr/>
            <p:nvPr/>
          </p:nvSpPr>
          <p:spPr>
            <a:xfrm>
              <a:off x="9992694" y="4987628"/>
              <a:ext cx="1636898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Gas injection</a:t>
              </a:r>
            </a:p>
          </p:txBody>
        </p:sp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740076F2-DCBD-8562-DCC3-BDA61153EE7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147349" y="2230052"/>
              <a:ext cx="978095" cy="671243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80DD58CC-E158-40A5-45B4-B0BCA6286EE3}"/>
                </a:ext>
              </a:extLst>
            </p:cNvPr>
            <p:cNvSpPr/>
            <p:nvPr/>
          </p:nvSpPr>
          <p:spPr>
            <a:xfrm>
              <a:off x="5452708" y="2810550"/>
              <a:ext cx="1155362" cy="30777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>
                <a:buClr>
                  <a:srgbClr val="00B0F0"/>
                </a:buClr>
              </a:pPr>
              <a:r>
                <a:rPr lang="en-US" sz="1400"/>
                <a:t>Gate valve</a:t>
              </a:r>
            </a:p>
          </p:txBody>
        </p: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80AE620C-F180-6F77-1150-5209042A36A0}"/>
                </a:ext>
              </a:extLst>
            </p:cNvPr>
            <p:cNvSpPr txBox="1"/>
            <p:nvPr/>
          </p:nvSpPr>
          <p:spPr>
            <a:xfrm>
              <a:off x="6566768" y="858185"/>
              <a:ext cx="2325388" cy="4001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CA" sz="2000"/>
                <a:t>APTW HTV</a:t>
              </a:r>
            </a:p>
          </p:txBody>
        </p:sp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4C2B9EDA-BFFA-D27F-F09B-2D3E48E72FE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030389" y="3994730"/>
              <a:ext cx="3159661" cy="409511"/>
            </a:xfrm>
            <a:prstGeom prst="straightConnector1">
              <a:avLst/>
            </a:prstGeom>
            <a:ln w="28575">
              <a:solidFill>
                <a:srgbClr val="009FE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" name="Content Placeholder 4">
              <a:extLst>
                <a:ext uri="{FF2B5EF4-FFF2-40B4-BE49-F238E27FC236}">
                  <a16:creationId xmlns:a16="http://schemas.microsoft.com/office/drawing/2014/main" id="{0EFF69F6-880B-024B-D812-84411C73CA03}"/>
                </a:ext>
              </a:extLst>
            </p:cNvPr>
            <p:cNvSpPr txBox="1">
              <a:spLocks/>
            </p:cNvSpPr>
            <p:nvPr/>
          </p:nvSpPr>
          <p:spPr>
            <a:xfrm>
              <a:off x="5459862" y="1380520"/>
              <a:ext cx="1716780" cy="707012"/>
            </a:xfrm>
            <a:prstGeom prst="rect">
              <a:avLst/>
            </a:prstGeom>
          </p:spPr>
          <p:txBody>
            <a:bodyPr/>
            <a:lstStyle>
              <a:lvl1pPr marL="228600" indent="-228600" algn="l" defTabSz="914400" rtl="0" eaLnBrk="1" latinLnBrk="0" hangingPunct="1">
                <a:lnSpc>
                  <a:spcPct val="90000"/>
                </a:lnSpc>
                <a:spcBef>
                  <a:spcPts val="1000"/>
                </a:spcBef>
                <a:buFont typeface="Arial"/>
                <a:buChar char="•"/>
                <a:defRPr sz="2400" b="0" i="0" kern="1200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1pPr>
              <a:lvl2pPr marL="685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US" sz="1764">
                  <a:solidFill>
                    <a:srgbClr val="009FE0"/>
                  </a:solidFill>
                </a:rPr>
                <a:t>50 kW p</a:t>
              </a:r>
              <a:r>
                <a:rPr lang="en-CA" sz="1764" err="1">
                  <a:solidFill>
                    <a:srgbClr val="009FE0"/>
                  </a:solidFill>
                </a:rPr>
                <a:t>rotons</a:t>
              </a:r>
              <a:r>
                <a:rPr lang="en-CA" sz="1764">
                  <a:solidFill>
                    <a:srgbClr val="009FE0"/>
                  </a:solidFill>
                </a:rPr>
                <a:t> @ 500 MeV</a:t>
              </a:r>
            </a:p>
          </p:txBody>
        </p:sp>
      </p:grpSp>
      <p:pic>
        <p:nvPicPr>
          <p:cNvPr id="61" name="Picture 60">
            <a:extLst>
              <a:ext uri="{FF2B5EF4-FFF2-40B4-BE49-F238E27FC236}">
                <a16:creationId xmlns:a16="http://schemas.microsoft.com/office/drawing/2014/main" id="{D874BD30-26DF-A966-9AA5-EA0579405E9D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10691" t="26240" r="21692" b="35629"/>
          <a:stretch>
            <a:fillRect/>
          </a:stretch>
        </p:blipFill>
        <p:spPr>
          <a:xfrm>
            <a:off x="9155363" y="47963"/>
            <a:ext cx="2987676" cy="29969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81748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4" name="Picture 43">
            <a:extLst>
              <a:ext uri="{FF2B5EF4-FFF2-40B4-BE49-F238E27FC236}">
                <a16:creationId xmlns:a16="http://schemas.microsoft.com/office/drawing/2014/main" id="{4FFF69F8-FFE0-377A-4EC6-184F100B695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95524" y="4075146"/>
            <a:ext cx="4499260" cy="2451159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2B18404-FBBA-9937-C508-B96A9143FD63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ETE HTV, target and converter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177A0D0-7B65-3A28-4545-C60989309A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22</a:t>
            </a:fld>
            <a:endParaRPr lang="en-US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B03BBFD-095A-4FB6-9F09-0067630CC3C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55365" y="417420"/>
            <a:ext cx="2614113" cy="347390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8A34D0A-96D8-53F2-6DD7-A70B5D61C4E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09484" y="3989421"/>
            <a:ext cx="2695867" cy="2687598"/>
          </a:xfrm>
          <a:prstGeom prst="rect">
            <a:avLst/>
          </a:prstGeom>
        </p:spPr>
      </p:pic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40C5F1D2-F0F4-9901-31B8-FE11DD7C6C11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2917948" y="6554890"/>
            <a:ext cx="2275759" cy="285169"/>
          </a:xfrm>
        </p:spPr>
        <p:txBody>
          <a:bodyPr/>
          <a:lstStyle/>
          <a:p>
            <a:pPr marL="0" indent="0" algn="ctr">
              <a:buNone/>
            </a:pPr>
            <a:r>
              <a:rPr lang="en-CA" sz="1400"/>
              <a:t>25 kW e</a:t>
            </a:r>
            <a:r>
              <a:rPr lang="en-CA" sz="1400" baseline="30000"/>
              <a:t>-</a:t>
            </a:r>
            <a:r>
              <a:rPr lang="en-CA" sz="1400"/>
              <a:t> beam power</a:t>
            </a:r>
          </a:p>
        </p:txBody>
      </p:sp>
      <p:grpSp>
        <p:nvGrpSpPr>
          <p:cNvPr id="36" name="Group 35">
            <a:extLst>
              <a:ext uri="{FF2B5EF4-FFF2-40B4-BE49-F238E27FC236}">
                <a16:creationId xmlns:a16="http://schemas.microsoft.com/office/drawing/2014/main" id="{0983DF98-24A3-856C-E0FC-90F8C536B1D1}"/>
              </a:ext>
            </a:extLst>
          </p:cNvPr>
          <p:cNvGrpSpPr/>
          <p:nvPr/>
        </p:nvGrpSpPr>
        <p:grpSpPr>
          <a:xfrm>
            <a:off x="323517" y="4361333"/>
            <a:ext cx="2138662" cy="2200275"/>
            <a:chOff x="4394230" y="4332276"/>
            <a:chExt cx="2138662" cy="2200275"/>
          </a:xfrm>
        </p:grpSpPr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DF5C95EE-5D31-D9D9-4C64-42B9E6E61AD7}"/>
                </a:ext>
              </a:extLst>
            </p:cNvPr>
            <p:cNvGrpSpPr/>
            <p:nvPr/>
          </p:nvGrpSpPr>
          <p:grpSpPr>
            <a:xfrm>
              <a:off x="5019412" y="4407363"/>
              <a:ext cx="520345" cy="1828059"/>
              <a:chOff x="6014261" y="4532895"/>
              <a:chExt cx="806372" cy="1828059"/>
            </a:xfrm>
          </p:grpSpPr>
          <p:sp>
            <p:nvSpPr>
              <p:cNvPr id="27" name="object 57">
                <a:extLst>
                  <a:ext uri="{FF2B5EF4-FFF2-40B4-BE49-F238E27FC236}">
                    <a16:creationId xmlns:a16="http://schemas.microsoft.com/office/drawing/2014/main" id="{DB88D958-654C-87E7-1D94-828623674DDE}"/>
                  </a:ext>
                </a:extLst>
              </p:cNvPr>
              <p:cNvSpPr/>
              <p:nvPr/>
            </p:nvSpPr>
            <p:spPr>
              <a:xfrm>
                <a:off x="6022851" y="4532895"/>
                <a:ext cx="797782" cy="1828059"/>
              </a:xfrm>
              <a:custGeom>
                <a:avLst/>
                <a:gdLst/>
                <a:ahLst/>
                <a:cxnLst/>
                <a:rect l="l" t="t" r="r" b="b"/>
                <a:pathLst>
                  <a:path w="124459" h="413385">
                    <a:moveTo>
                      <a:pt x="122810" y="0"/>
                    </a:moveTo>
                    <a:lnTo>
                      <a:pt x="0" y="99697"/>
                    </a:lnTo>
                    <a:lnTo>
                      <a:pt x="584" y="314317"/>
                    </a:lnTo>
                    <a:lnTo>
                      <a:pt x="123938" y="413346"/>
                    </a:lnTo>
                    <a:lnTo>
                      <a:pt x="122810" y="0"/>
                    </a:lnTo>
                    <a:close/>
                  </a:path>
                </a:pathLst>
              </a:custGeom>
              <a:solidFill>
                <a:srgbClr val="0DB253"/>
              </a:solidFill>
            </p:spPr>
            <p:txBody>
              <a:bodyPr wrap="square" lIns="0" tIns="0" rIns="0" bIns="0" rtlCol="0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>
                  <a:solidFill>
                    <a:schemeClr val="bg2">
                      <a:lumMod val="25000"/>
                    </a:schemeClr>
                  </a:solidFill>
                </a:endParaRPr>
              </a:p>
            </p:txBody>
          </p:sp>
          <p:sp>
            <p:nvSpPr>
              <p:cNvPr id="28" name="object 159">
                <a:extLst>
                  <a:ext uri="{FF2B5EF4-FFF2-40B4-BE49-F238E27FC236}">
                    <a16:creationId xmlns:a16="http://schemas.microsoft.com/office/drawing/2014/main" id="{0D34F8E9-C9BB-2377-E564-A972C73429B9}"/>
                  </a:ext>
                </a:extLst>
              </p:cNvPr>
              <p:cNvSpPr txBox="1"/>
              <p:nvPr/>
            </p:nvSpPr>
            <p:spPr>
              <a:xfrm rot="21420000">
                <a:off x="6014261" y="4571283"/>
                <a:ext cx="252232" cy="234038"/>
              </a:xfrm>
              <a:prstGeom prst="rect">
                <a:avLst/>
              </a:prstGeom>
            </p:spPr>
            <p:txBody>
              <a:bodyPr vert="horz" wrap="square" lIns="0" tIns="0" rIns="0" bIns="0" rtlCol="0">
                <a:sp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>
                  <a:lnSpc>
                    <a:spcPts val="1795"/>
                  </a:lnSpc>
                </a:pPr>
                <a:r>
                  <a:rPr sz="1800" spc="25">
                    <a:solidFill>
                      <a:srgbClr val="00B050"/>
                    </a:solidFill>
                    <a:cs typeface="Calibri"/>
                  </a:rPr>
                  <a:t>γ</a:t>
                </a:r>
                <a:endParaRPr sz="1800">
                  <a:solidFill>
                    <a:srgbClr val="00B050"/>
                  </a:solidFill>
                  <a:cs typeface="Calibri"/>
                </a:endParaRPr>
              </a:p>
            </p:txBody>
          </p:sp>
        </p:grp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FDAB2898-0E59-2DE6-5F02-8C087C7021A7}"/>
                </a:ext>
              </a:extLst>
            </p:cNvPr>
            <p:cNvGrpSpPr/>
            <p:nvPr/>
          </p:nvGrpSpPr>
          <p:grpSpPr>
            <a:xfrm>
              <a:off x="4394230" y="4977028"/>
              <a:ext cx="1431726" cy="1548805"/>
              <a:chOff x="5389079" y="5102560"/>
              <a:chExt cx="1431726" cy="1548805"/>
            </a:xfrm>
          </p:grpSpPr>
          <p:sp>
            <p:nvSpPr>
              <p:cNvPr id="22" name="object 142">
                <a:extLst>
                  <a:ext uri="{FF2B5EF4-FFF2-40B4-BE49-F238E27FC236}">
                    <a16:creationId xmlns:a16="http://schemas.microsoft.com/office/drawing/2014/main" id="{E687988B-2F7B-B576-FBC6-58735D943318}"/>
                  </a:ext>
                </a:extLst>
              </p:cNvPr>
              <p:cNvSpPr/>
              <p:nvPr/>
            </p:nvSpPr>
            <p:spPr>
              <a:xfrm>
                <a:off x="5871651" y="5111664"/>
                <a:ext cx="155955" cy="677820"/>
              </a:xfrm>
              <a:custGeom>
                <a:avLst/>
                <a:gdLst/>
                <a:ahLst/>
                <a:cxnLst/>
                <a:rect l="l" t="t" r="r" b="b"/>
                <a:pathLst>
                  <a:path w="98425" h="280035">
                    <a:moveTo>
                      <a:pt x="97507" y="0"/>
                    </a:moveTo>
                    <a:lnTo>
                      <a:pt x="0" y="262"/>
                    </a:lnTo>
                    <a:lnTo>
                      <a:pt x="763" y="279784"/>
                    </a:lnTo>
                    <a:lnTo>
                      <a:pt x="98265" y="279521"/>
                    </a:lnTo>
                    <a:lnTo>
                      <a:pt x="97507" y="0"/>
                    </a:lnTo>
                    <a:close/>
                  </a:path>
                </a:pathLst>
              </a:custGeom>
              <a:solidFill>
                <a:schemeClr val="tx1"/>
              </a:solidFill>
              <a:ln>
                <a:noFill/>
              </a:ln>
            </p:spPr>
            <p:txBody>
              <a:bodyPr wrap="square" lIns="0" tIns="0" rIns="0" bIns="0" rtlCol="0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>
                  <a:solidFill>
                    <a:schemeClr val="bg2">
                      <a:lumMod val="25000"/>
                    </a:schemeClr>
                  </a:solidFill>
                </a:endParaRPr>
              </a:p>
            </p:txBody>
          </p:sp>
          <p:cxnSp>
            <p:nvCxnSpPr>
              <p:cNvPr id="23" name="Straight Arrow Connector 22">
                <a:extLst>
                  <a:ext uri="{FF2B5EF4-FFF2-40B4-BE49-F238E27FC236}">
                    <a16:creationId xmlns:a16="http://schemas.microsoft.com/office/drawing/2014/main" id="{EDA5DC79-2880-4F8E-DC1C-E112FB8E6241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5430396" y="5449033"/>
                <a:ext cx="401855" cy="2752"/>
              </a:xfrm>
              <a:prstGeom prst="straightConnector1">
                <a:avLst/>
              </a:prstGeom>
              <a:ln w="28575">
                <a:solidFill>
                  <a:srgbClr val="002060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C84047D5-966A-0428-8F68-3009D7E32C64}"/>
                  </a:ext>
                </a:extLst>
              </p:cNvPr>
              <p:cNvSpPr txBox="1"/>
              <p:nvPr/>
            </p:nvSpPr>
            <p:spPr>
              <a:xfrm>
                <a:off x="5389079" y="5102560"/>
                <a:ext cx="637756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indent="0">
                  <a:buNone/>
                </a:pPr>
                <a:r>
                  <a:rPr lang="en-CA" sz="1800">
                    <a:solidFill>
                      <a:srgbClr val="002060"/>
                    </a:solidFill>
                  </a:rPr>
                  <a:t>e-</a:t>
                </a:r>
              </a:p>
            </p:txBody>
          </p:sp>
          <p:cxnSp>
            <p:nvCxnSpPr>
              <p:cNvPr id="25" name="Straight Connector 24">
                <a:extLst>
                  <a:ext uri="{FF2B5EF4-FFF2-40B4-BE49-F238E27FC236}">
                    <a16:creationId xmlns:a16="http://schemas.microsoft.com/office/drawing/2014/main" id="{BB3ED224-B3A6-2632-1FFE-B34F63044DFD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5885337" y="5774913"/>
                <a:ext cx="59036" cy="586041"/>
              </a:xfrm>
              <a:prstGeom prst="line">
                <a:avLst/>
              </a:prstGeom>
              <a:ln w="1270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AB90D1C1-EE02-E03A-7F9F-07D71BC05771}"/>
                  </a:ext>
                </a:extLst>
              </p:cNvPr>
              <p:cNvSpPr txBox="1"/>
              <p:nvPr/>
            </p:nvSpPr>
            <p:spPr>
              <a:xfrm>
                <a:off x="5390572" y="6343588"/>
                <a:ext cx="1430233" cy="30777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indent="0">
                  <a:buNone/>
                </a:pPr>
                <a:r>
                  <a:rPr lang="en-CA" sz="1400"/>
                  <a:t>Converter</a:t>
                </a:r>
              </a:p>
            </p:txBody>
          </p:sp>
        </p:grpSp>
        <p:sp>
          <p:nvSpPr>
            <p:cNvPr id="15" name="object 138">
              <a:extLst>
                <a:ext uri="{FF2B5EF4-FFF2-40B4-BE49-F238E27FC236}">
                  <a16:creationId xmlns:a16="http://schemas.microsoft.com/office/drawing/2014/main" id="{C1B205C7-332A-1B3A-10EB-681967BB516F}"/>
                </a:ext>
              </a:extLst>
            </p:cNvPr>
            <p:cNvSpPr/>
            <p:nvPr/>
          </p:nvSpPr>
          <p:spPr>
            <a:xfrm>
              <a:off x="5136698" y="5042487"/>
              <a:ext cx="595816" cy="569666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6" name="object 142">
              <a:extLst>
                <a:ext uri="{FF2B5EF4-FFF2-40B4-BE49-F238E27FC236}">
                  <a16:creationId xmlns:a16="http://schemas.microsoft.com/office/drawing/2014/main" id="{4F1EB877-B2F1-2D71-8668-91EEC36CD67C}"/>
                </a:ext>
              </a:extLst>
            </p:cNvPr>
            <p:cNvSpPr/>
            <p:nvPr/>
          </p:nvSpPr>
          <p:spPr>
            <a:xfrm>
              <a:off x="5638557" y="4711630"/>
              <a:ext cx="133727" cy="724408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364E9854-8BBC-1DC3-1724-C7B6AD74FBB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708384" y="4332276"/>
              <a:ext cx="0" cy="379354"/>
            </a:xfrm>
            <a:prstGeom prst="straightConnector1">
              <a:avLst/>
            </a:prstGeom>
            <a:ln w="28575">
              <a:solidFill>
                <a:srgbClr val="FFFF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13A021BE-3058-B01D-81A9-121885381ECD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5644661" y="5519403"/>
              <a:ext cx="63723" cy="724408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DE602D50-6256-36ED-60AA-87464E2FCDAE}"/>
                </a:ext>
              </a:extLst>
            </p:cNvPr>
            <p:cNvSpPr txBox="1"/>
            <p:nvPr/>
          </p:nvSpPr>
          <p:spPr>
            <a:xfrm>
              <a:off x="5369466" y="6224774"/>
              <a:ext cx="733511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Target</a:t>
              </a:r>
            </a:p>
          </p:txBody>
        </p: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C11FF076-1E25-8299-873A-131D87AB8133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5780115" y="5101224"/>
              <a:ext cx="126911" cy="362173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A7E88CAC-AC9B-15EB-A8E2-27BC15815503}"/>
                </a:ext>
              </a:extLst>
            </p:cNvPr>
            <p:cNvSpPr txBox="1"/>
            <p:nvPr/>
          </p:nvSpPr>
          <p:spPr>
            <a:xfrm>
              <a:off x="5740345" y="5376954"/>
              <a:ext cx="792547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Ion Source</a:t>
              </a:r>
            </a:p>
          </p:txBody>
        </p:sp>
      </p:grpSp>
      <p:sp>
        <p:nvSpPr>
          <p:cNvPr id="33" name="Freeform: Shape 32">
            <a:extLst>
              <a:ext uri="{FF2B5EF4-FFF2-40B4-BE49-F238E27FC236}">
                <a16:creationId xmlns:a16="http://schemas.microsoft.com/office/drawing/2014/main" id="{064056E4-C016-760C-DD9E-BFE27DC84B48}"/>
              </a:ext>
            </a:extLst>
          </p:cNvPr>
          <p:cNvSpPr/>
          <p:nvPr/>
        </p:nvSpPr>
        <p:spPr>
          <a:xfrm>
            <a:off x="1358467" y="5079399"/>
            <a:ext cx="285000" cy="551822"/>
          </a:xfrm>
          <a:custGeom>
            <a:avLst/>
            <a:gdLst>
              <a:gd name="connsiteX0" fmla="*/ 30773 w 296550"/>
              <a:gd name="connsiteY0" fmla="*/ 0 h 566864"/>
              <a:gd name="connsiteX1" fmla="*/ 119213 w 296550"/>
              <a:gd name="connsiteY1" fmla="*/ 22409 h 566864"/>
              <a:gd name="connsiteX2" fmla="*/ 197111 w 296550"/>
              <a:gd name="connsiteY2" fmla="*/ 69855 h 566864"/>
              <a:gd name="connsiteX3" fmla="*/ 257737 w 296550"/>
              <a:gd name="connsiteY3" fmla="*/ 140633 h 566864"/>
              <a:gd name="connsiteX4" fmla="*/ 292020 w 296550"/>
              <a:gd name="connsiteY4" fmla="*/ 226050 h 566864"/>
              <a:gd name="connsiteX5" fmla="*/ 296550 w 296550"/>
              <a:gd name="connsiteY5" fmla="*/ 314253 h 566864"/>
              <a:gd name="connsiteX6" fmla="*/ 273113 w 296550"/>
              <a:gd name="connsiteY6" fmla="*/ 398812 h 566864"/>
              <a:gd name="connsiteX7" fmla="*/ 223490 w 296550"/>
              <a:gd name="connsiteY7" fmla="*/ 473293 h 566864"/>
              <a:gd name="connsiteX8" fmla="*/ 149467 w 296550"/>
              <a:gd name="connsiteY8" fmla="*/ 531263 h 566864"/>
              <a:gd name="connsiteX9" fmla="*/ 60131 w 296550"/>
              <a:gd name="connsiteY9" fmla="*/ 564041 h 566864"/>
              <a:gd name="connsiteX10" fmla="*/ 0 w 296550"/>
              <a:gd name="connsiteY10" fmla="*/ 566864 h 566864"/>
              <a:gd name="connsiteX11" fmla="*/ 0 w 296550"/>
              <a:gd name="connsiteY11" fmla="*/ 1445 h 5668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296550" h="566864">
                <a:moveTo>
                  <a:pt x="30773" y="0"/>
                </a:moveTo>
                <a:lnTo>
                  <a:pt x="119213" y="22409"/>
                </a:lnTo>
                <a:lnTo>
                  <a:pt x="197111" y="69855"/>
                </a:lnTo>
                <a:lnTo>
                  <a:pt x="257737" y="140633"/>
                </a:lnTo>
                <a:lnTo>
                  <a:pt x="292020" y="226050"/>
                </a:lnTo>
                <a:lnTo>
                  <a:pt x="296550" y="314253"/>
                </a:lnTo>
                <a:lnTo>
                  <a:pt x="273113" y="398812"/>
                </a:lnTo>
                <a:lnTo>
                  <a:pt x="223490" y="473293"/>
                </a:lnTo>
                <a:lnTo>
                  <a:pt x="149467" y="531263"/>
                </a:lnTo>
                <a:lnTo>
                  <a:pt x="60131" y="564041"/>
                </a:lnTo>
                <a:lnTo>
                  <a:pt x="0" y="566864"/>
                </a:lnTo>
                <a:lnTo>
                  <a:pt x="0" y="1445"/>
                </a:lnTo>
                <a:close/>
              </a:path>
            </a:pathLst>
          </a:custGeom>
          <a:solidFill>
            <a:srgbClr val="00AAFF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CA"/>
          </a:p>
        </p:txBody>
      </p:sp>
      <p:sp>
        <p:nvSpPr>
          <p:cNvPr id="34" name="Freeform: Shape 33">
            <a:extLst>
              <a:ext uri="{FF2B5EF4-FFF2-40B4-BE49-F238E27FC236}">
                <a16:creationId xmlns:a16="http://schemas.microsoft.com/office/drawing/2014/main" id="{0675B5E9-27E5-D793-3054-7F68E170A6CA}"/>
              </a:ext>
            </a:extLst>
          </p:cNvPr>
          <p:cNvSpPr/>
          <p:nvPr/>
        </p:nvSpPr>
        <p:spPr>
          <a:xfrm flipH="1">
            <a:off x="1081448" y="5080708"/>
            <a:ext cx="273005" cy="551822"/>
          </a:xfrm>
          <a:custGeom>
            <a:avLst/>
            <a:gdLst>
              <a:gd name="connsiteX0" fmla="*/ 30773 w 296550"/>
              <a:gd name="connsiteY0" fmla="*/ 0 h 566864"/>
              <a:gd name="connsiteX1" fmla="*/ 119213 w 296550"/>
              <a:gd name="connsiteY1" fmla="*/ 22409 h 566864"/>
              <a:gd name="connsiteX2" fmla="*/ 197111 w 296550"/>
              <a:gd name="connsiteY2" fmla="*/ 69855 h 566864"/>
              <a:gd name="connsiteX3" fmla="*/ 257737 w 296550"/>
              <a:gd name="connsiteY3" fmla="*/ 140633 h 566864"/>
              <a:gd name="connsiteX4" fmla="*/ 292020 w 296550"/>
              <a:gd name="connsiteY4" fmla="*/ 226050 h 566864"/>
              <a:gd name="connsiteX5" fmla="*/ 296550 w 296550"/>
              <a:gd name="connsiteY5" fmla="*/ 314253 h 566864"/>
              <a:gd name="connsiteX6" fmla="*/ 273113 w 296550"/>
              <a:gd name="connsiteY6" fmla="*/ 398812 h 566864"/>
              <a:gd name="connsiteX7" fmla="*/ 223490 w 296550"/>
              <a:gd name="connsiteY7" fmla="*/ 473293 h 566864"/>
              <a:gd name="connsiteX8" fmla="*/ 149467 w 296550"/>
              <a:gd name="connsiteY8" fmla="*/ 531263 h 566864"/>
              <a:gd name="connsiteX9" fmla="*/ 60131 w 296550"/>
              <a:gd name="connsiteY9" fmla="*/ 564041 h 566864"/>
              <a:gd name="connsiteX10" fmla="*/ 0 w 296550"/>
              <a:gd name="connsiteY10" fmla="*/ 566864 h 566864"/>
              <a:gd name="connsiteX11" fmla="*/ 0 w 296550"/>
              <a:gd name="connsiteY11" fmla="*/ 1445 h 5668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296550" h="566864">
                <a:moveTo>
                  <a:pt x="30773" y="0"/>
                </a:moveTo>
                <a:lnTo>
                  <a:pt x="119213" y="22409"/>
                </a:lnTo>
                <a:lnTo>
                  <a:pt x="197111" y="69855"/>
                </a:lnTo>
                <a:lnTo>
                  <a:pt x="257737" y="140633"/>
                </a:lnTo>
                <a:lnTo>
                  <a:pt x="292020" y="226050"/>
                </a:lnTo>
                <a:lnTo>
                  <a:pt x="296550" y="314253"/>
                </a:lnTo>
                <a:lnTo>
                  <a:pt x="273113" y="398812"/>
                </a:lnTo>
                <a:lnTo>
                  <a:pt x="223490" y="473293"/>
                </a:lnTo>
                <a:lnTo>
                  <a:pt x="149467" y="531263"/>
                </a:lnTo>
                <a:lnTo>
                  <a:pt x="60131" y="564041"/>
                </a:lnTo>
                <a:lnTo>
                  <a:pt x="0" y="566864"/>
                </a:lnTo>
                <a:lnTo>
                  <a:pt x="0" y="1445"/>
                </a:lnTo>
                <a:close/>
              </a:path>
            </a:pathLst>
          </a:custGeom>
          <a:solidFill>
            <a:srgbClr val="FF000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CA"/>
          </a:p>
        </p:txBody>
      </p:sp>
      <p:grpSp>
        <p:nvGrpSpPr>
          <p:cNvPr id="56" name="Group 55">
            <a:extLst>
              <a:ext uri="{FF2B5EF4-FFF2-40B4-BE49-F238E27FC236}">
                <a16:creationId xmlns:a16="http://schemas.microsoft.com/office/drawing/2014/main" id="{7DD9FD32-1C0F-0F66-6AC6-528677E08712}"/>
              </a:ext>
            </a:extLst>
          </p:cNvPr>
          <p:cNvGrpSpPr/>
          <p:nvPr/>
        </p:nvGrpSpPr>
        <p:grpSpPr>
          <a:xfrm>
            <a:off x="2413880" y="1899273"/>
            <a:ext cx="1523120" cy="1772266"/>
            <a:chOff x="2413880" y="1899273"/>
            <a:chExt cx="1523120" cy="1772266"/>
          </a:xfrm>
        </p:grpSpPr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B6D70043-BBFC-E097-8E5F-14C16EB5701F}"/>
                </a:ext>
              </a:extLst>
            </p:cNvPr>
            <p:cNvSpPr/>
            <p:nvPr/>
          </p:nvSpPr>
          <p:spPr>
            <a:xfrm>
              <a:off x="3314699" y="2557168"/>
              <a:ext cx="622301" cy="684507"/>
            </a:xfrm>
            <a:prstGeom prst="rect">
              <a:avLst/>
            </a:prstGeom>
            <a:no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C3FCCB71-0B54-CF5E-9F2B-9825BCB51CE8}"/>
                </a:ext>
              </a:extLst>
            </p:cNvPr>
            <p:cNvCxnSpPr>
              <a:cxnSpLocks/>
            </p:cNvCxnSpPr>
            <p:nvPr/>
          </p:nvCxnSpPr>
          <p:spPr>
            <a:xfrm>
              <a:off x="2413880" y="1899273"/>
              <a:ext cx="904437" cy="657895"/>
            </a:xfrm>
            <a:prstGeom prst="line">
              <a:avLst/>
            </a:prstGeom>
            <a:ln w="9525">
              <a:solidFill>
                <a:srgbClr val="00206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D25CE137-019C-9578-DB8A-8B239419F408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413880" y="3247149"/>
              <a:ext cx="904437" cy="424390"/>
            </a:xfrm>
            <a:prstGeom prst="line">
              <a:avLst/>
            </a:prstGeom>
            <a:ln w="9525">
              <a:solidFill>
                <a:srgbClr val="00206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2823820D-CD10-FC58-6CBE-54A0A5BEF286}"/>
              </a:ext>
            </a:extLst>
          </p:cNvPr>
          <p:cNvGrpSpPr/>
          <p:nvPr/>
        </p:nvGrpSpPr>
        <p:grpSpPr>
          <a:xfrm>
            <a:off x="295025" y="1498583"/>
            <a:ext cx="2177694" cy="2170487"/>
            <a:chOff x="295025" y="1498583"/>
            <a:chExt cx="2177694" cy="2170487"/>
          </a:xfrm>
        </p:grpSpPr>
        <p:pic>
          <p:nvPicPr>
            <p:cNvPr id="47" name="Picture 46">
              <a:extLst>
                <a:ext uri="{FF2B5EF4-FFF2-40B4-BE49-F238E27FC236}">
                  <a16:creationId xmlns:a16="http://schemas.microsoft.com/office/drawing/2014/main" id="{15B97342-D57E-2030-0E07-1F01FFBEF2A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rcRect l="5069" t="7293" r="5431" b="7599"/>
            <a:stretch>
              <a:fillRect/>
            </a:stretch>
          </p:blipFill>
          <p:spPr>
            <a:xfrm>
              <a:off x="610769" y="1905623"/>
              <a:ext cx="1803111" cy="1763447"/>
            </a:xfrm>
            <a:prstGeom prst="rect">
              <a:avLst/>
            </a:prstGeom>
            <a:ln>
              <a:solidFill>
                <a:srgbClr val="002060"/>
              </a:solidFill>
            </a:ln>
          </p:spPr>
        </p:pic>
        <p:cxnSp>
          <p:nvCxnSpPr>
            <p:cNvPr id="48" name="Straight Arrow Connector 47">
              <a:extLst>
                <a:ext uri="{FF2B5EF4-FFF2-40B4-BE49-F238E27FC236}">
                  <a16:creationId xmlns:a16="http://schemas.microsoft.com/office/drawing/2014/main" id="{5DE3C55A-344E-EF19-84AF-4E78A41CC0A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33855" y="2797878"/>
              <a:ext cx="861631" cy="254641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9" name="TextBox 48">
              <a:extLst>
                <a:ext uri="{FF2B5EF4-FFF2-40B4-BE49-F238E27FC236}">
                  <a16:creationId xmlns:a16="http://schemas.microsoft.com/office/drawing/2014/main" id="{5C980898-BDF3-9C89-234B-E0CE90B7B87C}"/>
                </a:ext>
              </a:extLst>
            </p:cNvPr>
            <p:cNvSpPr txBox="1"/>
            <p:nvPr/>
          </p:nvSpPr>
          <p:spPr>
            <a:xfrm>
              <a:off x="295025" y="2943629"/>
              <a:ext cx="637756" cy="369332"/>
            </a:xfrm>
            <a:prstGeom prst="rect">
              <a:avLst/>
            </a:prstGeom>
            <a:noFill/>
            <a:ln>
              <a:noFill/>
            </a:ln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8A9725F1-D17B-9A01-26E8-1A1513BCEF09}"/>
                </a:ext>
              </a:extLst>
            </p:cNvPr>
            <p:cNvSpPr/>
            <p:nvPr/>
          </p:nvSpPr>
          <p:spPr>
            <a:xfrm>
              <a:off x="465369" y="1498583"/>
              <a:ext cx="2007350" cy="369332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/>
                <a:t>AETE converter</a:t>
              </a:r>
            </a:p>
          </p:txBody>
        </p:sp>
      </p:grpSp>
      <p:grpSp>
        <p:nvGrpSpPr>
          <p:cNvPr id="62" name="Group 61">
            <a:extLst>
              <a:ext uri="{FF2B5EF4-FFF2-40B4-BE49-F238E27FC236}">
                <a16:creationId xmlns:a16="http://schemas.microsoft.com/office/drawing/2014/main" id="{A9272793-595C-B961-D7A9-189EB1C9BCC0}"/>
              </a:ext>
            </a:extLst>
          </p:cNvPr>
          <p:cNvGrpSpPr/>
          <p:nvPr/>
        </p:nvGrpSpPr>
        <p:grpSpPr>
          <a:xfrm>
            <a:off x="1500967" y="722778"/>
            <a:ext cx="4192958" cy="3428117"/>
            <a:chOff x="1500967" y="722778"/>
            <a:chExt cx="4192958" cy="3428117"/>
          </a:xfrm>
        </p:grpSpPr>
        <p:pic>
          <p:nvPicPr>
            <p:cNvPr id="38" name="Picture 37">
              <a:extLst>
                <a:ext uri="{FF2B5EF4-FFF2-40B4-BE49-F238E27FC236}">
                  <a16:creationId xmlns:a16="http://schemas.microsoft.com/office/drawing/2014/main" id="{2D933A59-81B3-5B9B-81B0-3A0533E4B19F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tretch>
              <a:fillRect/>
            </a:stretch>
          </p:blipFill>
          <p:spPr>
            <a:xfrm>
              <a:off x="2746846" y="722778"/>
              <a:ext cx="2614113" cy="3428117"/>
            </a:xfrm>
            <a:prstGeom prst="rect">
              <a:avLst/>
            </a:prstGeom>
          </p:spPr>
        </p:pic>
        <p:cxnSp>
          <p:nvCxnSpPr>
            <p:cNvPr id="40" name="Straight Arrow Connector 39">
              <a:extLst>
                <a:ext uri="{FF2B5EF4-FFF2-40B4-BE49-F238E27FC236}">
                  <a16:creationId xmlns:a16="http://schemas.microsoft.com/office/drawing/2014/main" id="{6994C472-3287-6E47-7719-416822EB507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746846" y="2814176"/>
              <a:ext cx="956915" cy="200855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1" name="Content Placeholder 4">
              <a:extLst>
                <a:ext uri="{FF2B5EF4-FFF2-40B4-BE49-F238E27FC236}">
                  <a16:creationId xmlns:a16="http://schemas.microsoft.com/office/drawing/2014/main" id="{4AA33CFF-477A-6291-0AEE-A769D1BFB0A3}"/>
                </a:ext>
              </a:extLst>
            </p:cNvPr>
            <p:cNvSpPr txBox="1">
              <a:spLocks/>
            </p:cNvSpPr>
            <p:nvPr/>
          </p:nvSpPr>
          <p:spPr>
            <a:xfrm>
              <a:off x="1500967" y="819845"/>
              <a:ext cx="2097148" cy="684507"/>
            </a:xfrm>
            <a:prstGeom prst="rect">
              <a:avLst/>
            </a:prstGeom>
          </p:spPr>
          <p:txBody>
            <a:bodyPr/>
            <a:lstStyle>
              <a:lvl1pPr marL="228600" indent="-228600" algn="l" defTabSz="914400" rtl="0" eaLnBrk="1" latinLnBrk="0" hangingPunct="1">
                <a:lnSpc>
                  <a:spcPct val="90000"/>
                </a:lnSpc>
                <a:spcBef>
                  <a:spcPts val="1000"/>
                </a:spcBef>
                <a:buFont typeface="Arial"/>
                <a:buChar char="•"/>
                <a:defRPr sz="2400" b="0" i="0" kern="1200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1pPr>
              <a:lvl2pPr marL="685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CA" sz="1764">
                  <a:solidFill>
                    <a:srgbClr val="002060"/>
                  </a:solidFill>
                </a:rPr>
                <a:t>100 kW electrons @ 30 MeV</a:t>
              </a: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45BAE60F-1D9C-96D9-8138-4C752458F486}"/>
                </a:ext>
              </a:extLst>
            </p:cNvPr>
            <p:cNvSpPr/>
            <p:nvPr/>
          </p:nvSpPr>
          <p:spPr>
            <a:xfrm>
              <a:off x="3686575" y="819845"/>
              <a:ext cx="2007350" cy="40011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2000"/>
                <a:t>AETE HTV</a:t>
              </a:r>
            </a:p>
          </p:txBody>
        </p:sp>
        <p:sp>
          <p:nvSpPr>
            <p:cNvPr id="61" name="TextBox 60">
              <a:extLst>
                <a:ext uri="{FF2B5EF4-FFF2-40B4-BE49-F238E27FC236}">
                  <a16:creationId xmlns:a16="http://schemas.microsoft.com/office/drawing/2014/main" id="{05B9DAE8-05B6-1AC5-4273-CEB63D58B76F}"/>
                </a:ext>
              </a:extLst>
            </p:cNvPr>
            <p:cNvSpPr txBox="1"/>
            <p:nvPr/>
          </p:nvSpPr>
          <p:spPr>
            <a:xfrm>
              <a:off x="2608262" y="2957033"/>
              <a:ext cx="637756" cy="369332"/>
            </a:xfrm>
            <a:prstGeom prst="rect">
              <a:avLst/>
            </a:prstGeom>
            <a:noFill/>
            <a:ln>
              <a:noFill/>
            </a:ln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</p:grpSp>
      <p:pic>
        <p:nvPicPr>
          <p:cNvPr id="6" name="Picture 5">
            <a:extLst>
              <a:ext uri="{FF2B5EF4-FFF2-40B4-BE49-F238E27FC236}">
                <a16:creationId xmlns:a16="http://schemas.microsoft.com/office/drawing/2014/main" id="{2FD4A4D8-92D2-AE6B-87FF-870A3587F61B}"/>
              </a:ext>
            </a:extLst>
          </p:cNvPr>
          <p:cNvPicPr>
            <a:picLocks noChangeAspect="1"/>
          </p:cNvPicPr>
          <p:nvPr/>
        </p:nvPicPr>
        <p:blipFill>
          <a:blip r:embed="rId7"/>
          <a:srcRect l="37877" t="21974" r="27738" b="9417"/>
          <a:stretch>
            <a:fillRect/>
          </a:stretch>
        </p:blipFill>
        <p:spPr>
          <a:xfrm>
            <a:off x="6177494" y="607587"/>
            <a:ext cx="2723509" cy="30614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70122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build="p"/>
      <p:bldP spid="33" grpId="0" animBg="1"/>
      <p:bldP spid="34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" name="Picture 29">
            <a:extLst>
              <a:ext uri="{FF2B5EF4-FFF2-40B4-BE49-F238E27FC236}">
                <a16:creationId xmlns:a16="http://schemas.microsoft.com/office/drawing/2014/main" id="{3B97B9AB-62C3-404B-8880-B2ED87FC58C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77456" y="622669"/>
            <a:ext cx="4511834" cy="5684481"/>
          </a:xfrm>
          <a:prstGeom prst="rect">
            <a:avLst/>
          </a:prstGeom>
        </p:spPr>
      </p:pic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0E7D4DC2-2B2C-E01B-70D6-C7E541A685D9}"/>
              </a:ext>
            </a:extLst>
          </p:cNvPr>
          <p:cNvCxnSpPr>
            <a:cxnSpLocks/>
          </p:cNvCxnSpPr>
          <p:nvPr/>
        </p:nvCxnSpPr>
        <p:spPr>
          <a:xfrm flipV="1">
            <a:off x="883872" y="3435413"/>
            <a:ext cx="8615878" cy="1134428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A13015A-6C50-3E4F-6F8C-495C19D074A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Medical facility for </a:t>
            </a:r>
            <a:r>
              <a:rPr lang="en-US" baseline="30000"/>
              <a:t>225</a:t>
            </a:r>
            <a:r>
              <a:rPr lang="en-US"/>
              <a:t>Ac production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538BB68-39A3-860C-0ED7-A65CC6A9DF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23</a:t>
            </a:fld>
            <a:endParaRPr lang="en-US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29315EB3-DD87-79DF-4A44-01CC7A07F5BD}"/>
              </a:ext>
            </a:extLst>
          </p:cNvPr>
          <p:cNvSpPr txBox="1"/>
          <p:nvPr/>
        </p:nvSpPr>
        <p:spPr>
          <a:xfrm>
            <a:off x="4151574" y="6235331"/>
            <a:ext cx="1509307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ISOL vessel</a:t>
            </a:r>
            <a:endParaRPr lang="en-CA" dirty="0"/>
          </a:p>
        </p:txBody>
      </p:sp>
      <p:grpSp>
        <p:nvGrpSpPr>
          <p:cNvPr id="28" name="Group 27">
            <a:extLst>
              <a:ext uri="{FF2B5EF4-FFF2-40B4-BE49-F238E27FC236}">
                <a16:creationId xmlns:a16="http://schemas.microsoft.com/office/drawing/2014/main" id="{3523841A-67CB-95C0-CFAD-B4EA5E2287CC}"/>
              </a:ext>
            </a:extLst>
          </p:cNvPr>
          <p:cNvGrpSpPr/>
          <p:nvPr/>
        </p:nvGrpSpPr>
        <p:grpSpPr>
          <a:xfrm>
            <a:off x="9428046" y="3214320"/>
            <a:ext cx="383641" cy="369332"/>
            <a:chOff x="9266014" y="6002999"/>
            <a:chExt cx="383641" cy="369332"/>
          </a:xfrm>
        </p:grpSpPr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1A748C18-D581-C555-1C6F-3A99B2637894}"/>
                </a:ext>
              </a:extLst>
            </p:cNvPr>
            <p:cNvSpPr/>
            <p:nvPr/>
          </p:nvSpPr>
          <p:spPr>
            <a:xfrm>
              <a:off x="9266014" y="6002999"/>
              <a:ext cx="383641" cy="369332"/>
            </a:xfrm>
            <a:prstGeom prst="ellipse">
              <a:avLst/>
            </a:pr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Oval 23">
              <a:extLst>
                <a:ext uri="{FF2B5EF4-FFF2-40B4-BE49-F238E27FC236}">
                  <a16:creationId xmlns:a16="http://schemas.microsoft.com/office/drawing/2014/main" id="{3C10EB41-5E33-9329-DD48-80DE1ED3FEDD}"/>
                </a:ext>
              </a:extLst>
            </p:cNvPr>
            <p:cNvSpPr/>
            <p:nvPr/>
          </p:nvSpPr>
          <p:spPr>
            <a:xfrm>
              <a:off x="9379849" y="6126068"/>
              <a:ext cx="156024" cy="142185"/>
            </a:xfrm>
            <a:prstGeom prst="ellipse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31533937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A13015A-6C50-3E4F-6F8C-495C19D074A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Medical facility for </a:t>
            </a:r>
            <a:r>
              <a:rPr lang="en-US" baseline="30000"/>
              <a:t>225</a:t>
            </a:r>
            <a:r>
              <a:rPr lang="en-US"/>
              <a:t>Ac production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538BB68-39A3-860C-0ED7-A65CC6A9DF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24</a:t>
            </a:fld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2048E77-642E-EB2B-F9EC-9CAC95685AC9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373592" y="994059"/>
            <a:ext cx="7896802" cy="3523672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Hundreds of co-produced isotopes including</a:t>
            </a:r>
            <a:br>
              <a:rPr lang="en-US" sz="1800" dirty="0">
                <a:solidFill>
                  <a:schemeClr val="bg2">
                    <a:lumMod val="25000"/>
                  </a:schemeClr>
                </a:solidFill>
              </a:rPr>
            </a:br>
            <a:r>
              <a:rPr lang="en-US" sz="1800" baseline="30000" dirty="0">
                <a:solidFill>
                  <a:schemeClr val="bg2">
                    <a:lumMod val="25000"/>
                  </a:schemeClr>
                </a:solidFill>
              </a:rPr>
              <a:t>225</a:t>
            </a: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Ra, </a:t>
            </a:r>
            <a:r>
              <a:rPr lang="en-US" sz="1800" b="1" baseline="30000" dirty="0">
                <a:solidFill>
                  <a:schemeClr val="bg2">
                    <a:lumMod val="25000"/>
                  </a:schemeClr>
                </a:solidFill>
              </a:rPr>
              <a:t>225</a:t>
            </a:r>
            <a:r>
              <a:rPr lang="en-US" sz="1800" b="1" dirty="0">
                <a:solidFill>
                  <a:schemeClr val="bg2">
                    <a:lumMod val="25000"/>
                  </a:schemeClr>
                </a:solidFill>
              </a:rPr>
              <a:t>Ac</a:t>
            </a: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, </a:t>
            </a:r>
            <a:r>
              <a:rPr lang="en-US" sz="1800" baseline="30000" dirty="0">
                <a:solidFill>
                  <a:schemeClr val="bg2">
                    <a:lumMod val="25000"/>
                  </a:schemeClr>
                </a:solidFill>
              </a:rPr>
              <a:t>224</a:t>
            </a: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Ra, </a:t>
            </a:r>
            <a:r>
              <a:rPr lang="en-US" sz="1800" baseline="30000" dirty="0">
                <a:solidFill>
                  <a:schemeClr val="bg2">
                    <a:lumMod val="25000"/>
                  </a:schemeClr>
                </a:solidFill>
              </a:rPr>
              <a:t>223</a:t>
            </a: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Ra, </a:t>
            </a:r>
            <a:r>
              <a:rPr lang="en-US" sz="1800" baseline="30000" dirty="0">
                <a:solidFill>
                  <a:schemeClr val="bg2">
                    <a:lumMod val="25000"/>
                  </a:schemeClr>
                </a:solidFill>
              </a:rPr>
              <a:t>213</a:t>
            </a: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Bi, </a:t>
            </a:r>
            <a:r>
              <a:rPr lang="en-US" sz="1800" baseline="30000" dirty="0">
                <a:solidFill>
                  <a:schemeClr val="bg2">
                    <a:lumMod val="25000"/>
                  </a:schemeClr>
                </a:solidFill>
              </a:rPr>
              <a:t>212</a:t>
            </a: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Pb, </a:t>
            </a:r>
            <a:r>
              <a:rPr lang="en-US" sz="1800" baseline="30000" dirty="0">
                <a:solidFill>
                  <a:schemeClr val="bg2">
                    <a:lumMod val="25000"/>
                  </a:schemeClr>
                </a:solidFill>
              </a:rPr>
              <a:t>212</a:t>
            </a: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B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Few tens of </a:t>
            </a:r>
            <a:r>
              <a:rPr lang="en-US" sz="1800" dirty="0" err="1">
                <a:solidFill>
                  <a:schemeClr val="bg2">
                    <a:lumMod val="25000"/>
                  </a:schemeClr>
                </a:solidFill>
              </a:rPr>
              <a:t>GBq</a:t>
            </a: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 of </a:t>
            </a:r>
            <a:r>
              <a:rPr lang="en-US" sz="1800" baseline="30000" dirty="0">
                <a:solidFill>
                  <a:schemeClr val="bg2">
                    <a:lumMod val="25000"/>
                  </a:schemeClr>
                </a:solidFill>
              </a:rPr>
              <a:t>225</a:t>
            </a: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Ac produced per week, 10d after </a:t>
            </a:r>
            <a:r>
              <a:rPr lang="en-US" sz="1800" dirty="0" err="1">
                <a:solidFill>
                  <a:schemeClr val="bg2">
                    <a:lumMod val="25000"/>
                  </a:schemeClr>
                </a:solidFill>
              </a:rPr>
              <a:t>EoB</a:t>
            </a:r>
            <a:endParaRPr lang="en-US" sz="1800" dirty="0">
              <a:solidFill>
                <a:schemeClr val="bg2">
                  <a:lumMod val="25000"/>
                </a:schemeClr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chemeClr val="bg2">
                    <a:lumMod val="25000"/>
                  </a:schemeClr>
                </a:solidFill>
              </a:rPr>
              <a:t>Pneumatically transferred into hot cell for extraction</a:t>
            </a:r>
          </a:p>
          <a:p>
            <a:endParaRPr lang="en-CA" sz="1800" dirty="0"/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91B4E7B4-5929-64B4-FE71-8CE87462A215}"/>
              </a:ext>
            </a:extLst>
          </p:cNvPr>
          <p:cNvGrpSpPr/>
          <p:nvPr/>
        </p:nvGrpSpPr>
        <p:grpSpPr>
          <a:xfrm>
            <a:off x="7181520" y="205595"/>
            <a:ext cx="3341012" cy="6563791"/>
            <a:chOff x="8778412" y="205595"/>
            <a:chExt cx="3341012" cy="6563791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D733C6FB-38EC-9359-A386-BE76B84A84D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 t="2003"/>
            <a:stretch>
              <a:fillRect/>
            </a:stretch>
          </p:blipFill>
          <p:spPr>
            <a:xfrm>
              <a:off x="9699269" y="205595"/>
              <a:ext cx="2420155" cy="5992005"/>
            </a:xfrm>
            <a:prstGeom prst="rect">
              <a:avLst/>
            </a:prstGeom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E568944B-FB48-2DAD-DBBB-B393AD794F5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778412" y="5490149"/>
              <a:ext cx="1074429" cy="1279237"/>
            </a:xfrm>
            <a:prstGeom prst="rect">
              <a:avLst/>
            </a:prstGeom>
          </p:spPr>
        </p:pic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0E7D4DC2-2B2C-E01B-70D6-C7E541A685D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778412" y="5832953"/>
              <a:ext cx="1985856" cy="616654"/>
            </a:xfrm>
            <a:prstGeom prst="straightConnector1">
              <a:avLst/>
            </a:prstGeom>
            <a:ln w="28575">
              <a:solidFill>
                <a:srgbClr val="009FE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2" name="TextBox 21">
            <a:extLst>
              <a:ext uri="{FF2B5EF4-FFF2-40B4-BE49-F238E27FC236}">
                <a16:creationId xmlns:a16="http://schemas.microsoft.com/office/drawing/2014/main" id="{29315EB3-DD87-79DF-4A44-01CC7A07F5BD}"/>
              </a:ext>
            </a:extLst>
          </p:cNvPr>
          <p:cNvSpPr txBox="1"/>
          <p:nvPr/>
        </p:nvSpPr>
        <p:spPr>
          <a:xfrm>
            <a:off x="5959556" y="6449607"/>
            <a:ext cx="1509307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ISOL vessel</a:t>
            </a:r>
            <a:endParaRPr lang="en-CA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98CB728D-467D-AD2C-6634-FB6405FED519}"/>
              </a:ext>
            </a:extLst>
          </p:cNvPr>
          <p:cNvSpPr txBox="1"/>
          <p:nvPr/>
        </p:nvSpPr>
        <p:spPr>
          <a:xfrm>
            <a:off x="8433156" y="6237547"/>
            <a:ext cx="1920041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Medical module</a:t>
            </a:r>
            <a:endParaRPr lang="en-CA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67E1D661-63D2-73EE-6756-6376A4698BE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069649" y="2939160"/>
            <a:ext cx="3301209" cy="3157142"/>
          </a:xfrm>
          <a:prstGeom prst="rect">
            <a:avLst/>
          </a:prstGeom>
          <a:ln w="19050">
            <a:solidFill>
              <a:srgbClr val="002060"/>
            </a:solidFill>
          </a:ln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441C29A9-1C21-AA38-BFC0-75D0E5AF9B3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173437" y="3474932"/>
            <a:ext cx="1499092" cy="2449377"/>
          </a:xfrm>
          <a:prstGeom prst="rect">
            <a:avLst/>
          </a:prstGeom>
          <a:ln w="15875">
            <a:solidFill>
              <a:srgbClr val="ED7D31"/>
            </a:solidFill>
          </a:ln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DDEBFC61-FC91-5C7F-B71A-2DDF3D46ADF9}"/>
              </a:ext>
            </a:extLst>
          </p:cNvPr>
          <p:cNvSpPr txBox="1"/>
          <p:nvPr/>
        </p:nvSpPr>
        <p:spPr>
          <a:xfrm>
            <a:off x="1173438" y="6092544"/>
            <a:ext cx="443013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>
                <a:solidFill>
                  <a:schemeClr val="bg2">
                    <a:lumMod val="25000"/>
                  </a:schemeClr>
                </a:solidFill>
              </a:rPr>
              <a:t>APTW m</a:t>
            </a:r>
            <a:r>
              <a:rPr lang="en-US" sz="1800">
                <a:solidFill>
                  <a:schemeClr val="bg2">
                    <a:lumMod val="25000"/>
                  </a:schemeClr>
                </a:solidFill>
              </a:rPr>
              <a:t>edical rabbit and enclosure </a:t>
            </a:r>
            <a:endParaRPr lang="en-CA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734312BA-75F4-628A-DE4C-6CF23A548BA0}"/>
              </a:ext>
            </a:extLst>
          </p:cNvPr>
          <p:cNvCxnSpPr>
            <a:cxnSpLocks/>
          </p:cNvCxnSpPr>
          <p:nvPr/>
        </p:nvCxnSpPr>
        <p:spPr>
          <a:xfrm>
            <a:off x="6370858" y="2939160"/>
            <a:ext cx="2468136" cy="2378173"/>
          </a:xfrm>
          <a:prstGeom prst="line">
            <a:avLst/>
          </a:prstGeom>
          <a:ln w="1905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271350AD-DCA3-985D-9564-E5F8E9A0A0F5}"/>
              </a:ext>
            </a:extLst>
          </p:cNvPr>
          <p:cNvCxnSpPr>
            <a:cxnSpLocks/>
          </p:cNvCxnSpPr>
          <p:nvPr/>
        </p:nvCxnSpPr>
        <p:spPr>
          <a:xfrm>
            <a:off x="6370858" y="6104472"/>
            <a:ext cx="2468136" cy="60221"/>
          </a:xfrm>
          <a:prstGeom prst="line">
            <a:avLst/>
          </a:prstGeom>
          <a:ln w="1905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Rectangle 15">
            <a:extLst>
              <a:ext uri="{FF2B5EF4-FFF2-40B4-BE49-F238E27FC236}">
                <a16:creationId xmlns:a16="http://schemas.microsoft.com/office/drawing/2014/main" id="{F2993FB3-6E05-4A8F-AF58-FA0B074AD153}"/>
              </a:ext>
            </a:extLst>
          </p:cNvPr>
          <p:cNvSpPr/>
          <p:nvPr/>
        </p:nvSpPr>
        <p:spPr>
          <a:xfrm>
            <a:off x="8838994" y="5317333"/>
            <a:ext cx="890382" cy="847360"/>
          </a:xfrm>
          <a:prstGeom prst="rect">
            <a:avLst/>
          </a:prstGeom>
          <a:noFill/>
          <a:ln w="19050"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3F0DE262-B3FB-75AE-C1D4-4CE0022C3A7C}"/>
              </a:ext>
            </a:extLst>
          </p:cNvPr>
          <p:cNvCxnSpPr>
            <a:cxnSpLocks/>
          </p:cNvCxnSpPr>
          <p:nvPr/>
        </p:nvCxnSpPr>
        <p:spPr>
          <a:xfrm>
            <a:off x="2672529" y="3468582"/>
            <a:ext cx="1531414" cy="761576"/>
          </a:xfrm>
          <a:prstGeom prst="line">
            <a:avLst/>
          </a:prstGeom>
          <a:ln w="19050">
            <a:solidFill>
              <a:srgbClr val="ED7D3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2F63FCFD-1412-0C40-A123-DB7D791D7DFB}"/>
              </a:ext>
            </a:extLst>
          </p:cNvPr>
          <p:cNvCxnSpPr>
            <a:cxnSpLocks/>
          </p:cNvCxnSpPr>
          <p:nvPr/>
        </p:nvCxnSpPr>
        <p:spPr>
          <a:xfrm flipV="1">
            <a:off x="2672529" y="5270500"/>
            <a:ext cx="1531414" cy="660159"/>
          </a:xfrm>
          <a:prstGeom prst="line">
            <a:avLst/>
          </a:prstGeom>
          <a:ln w="19050">
            <a:solidFill>
              <a:srgbClr val="ED7D3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Rectangle 26">
            <a:extLst>
              <a:ext uri="{FF2B5EF4-FFF2-40B4-BE49-F238E27FC236}">
                <a16:creationId xmlns:a16="http://schemas.microsoft.com/office/drawing/2014/main" id="{87346DA7-D8B4-D6E4-14D4-C462B5EB316C}"/>
              </a:ext>
            </a:extLst>
          </p:cNvPr>
          <p:cNvSpPr/>
          <p:nvPr/>
        </p:nvSpPr>
        <p:spPr>
          <a:xfrm>
            <a:off x="4203943" y="4236508"/>
            <a:ext cx="682521" cy="1033992"/>
          </a:xfrm>
          <a:prstGeom prst="rect">
            <a:avLst/>
          </a:prstGeom>
          <a:noFill/>
          <a:ln w="19050">
            <a:solidFill>
              <a:srgbClr val="ED7D3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B5FBD80-AE5D-27DD-E13C-1F7FE9871FAF}"/>
              </a:ext>
            </a:extLst>
          </p:cNvPr>
          <p:cNvSpPr txBox="1"/>
          <p:nvPr/>
        </p:nvSpPr>
        <p:spPr>
          <a:xfrm>
            <a:off x="185530" y="5342840"/>
            <a:ext cx="987907" cy="66015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dirty="0">
                <a:solidFill>
                  <a:schemeClr val="bg2">
                    <a:lumMod val="25000"/>
                  </a:schemeClr>
                </a:solidFill>
              </a:rPr>
              <a:t>Th</a:t>
            </a:r>
          </a:p>
          <a:p>
            <a:pPr algn="ctr"/>
            <a:r>
              <a:rPr lang="en-US" dirty="0">
                <a:solidFill>
                  <a:schemeClr val="bg2">
                    <a:lumMod val="25000"/>
                  </a:schemeClr>
                </a:solidFill>
              </a:rPr>
              <a:t>pellets</a:t>
            </a:r>
            <a:endParaRPr lang="en-CA" dirty="0"/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B2175CAC-F263-A882-BC2B-C20CB6B7C8FA}"/>
              </a:ext>
            </a:extLst>
          </p:cNvPr>
          <p:cNvCxnSpPr>
            <a:cxnSpLocks/>
          </p:cNvCxnSpPr>
          <p:nvPr/>
        </p:nvCxnSpPr>
        <p:spPr>
          <a:xfrm flipV="1">
            <a:off x="878243" y="4872784"/>
            <a:ext cx="1001130" cy="805794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My Movie">
            <a:hlinkClick r:id="" action="ppaction://media"/>
            <a:extLst>
              <a:ext uri="{FF2B5EF4-FFF2-40B4-BE49-F238E27FC236}">
                <a16:creationId xmlns:a16="http://schemas.microsoft.com/office/drawing/2014/main" id="{8D13185A-E27C-DF78-809D-3AFBD7141F21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8"/>
          <a:srcRect l="35554" t="1189" r="34185" b="27639"/>
          <a:stretch>
            <a:fillRect/>
          </a:stretch>
        </p:blipFill>
        <p:spPr>
          <a:xfrm>
            <a:off x="7587463" y="2235652"/>
            <a:ext cx="3357105" cy="4441371"/>
          </a:xfrm>
          <a:prstGeom prst="rect">
            <a:avLst/>
          </a:prstGeom>
        </p:spPr>
      </p:pic>
      <p:grpSp>
        <p:nvGrpSpPr>
          <p:cNvPr id="28" name="Group 27">
            <a:extLst>
              <a:ext uri="{FF2B5EF4-FFF2-40B4-BE49-F238E27FC236}">
                <a16:creationId xmlns:a16="http://schemas.microsoft.com/office/drawing/2014/main" id="{3523841A-67CB-95C0-CFAD-B4EA5E2287CC}"/>
              </a:ext>
            </a:extLst>
          </p:cNvPr>
          <p:cNvGrpSpPr/>
          <p:nvPr/>
        </p:nvGrpSpPr>
        <p:grpSpPr>
          <a:xfrm>
            <a:off x="9068878" y="5299676"/>
            <a:ext cx="383641" cy="369332"/>
            <a:chOff x="9266014" y="6002999"/>
            <a:chExt cx="383641" cy="369332"/>
          </a:xfrm>
        </p:grpSpPr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1A748C18-D581-C555-1C6F-3A99B2637894}"/>
                </a:ext>
              </a:extLst>
            </p:cNvPr>
            <p:cNvSpPr/>
            <p:nvPr/>
          </p:nvSpPr>
          <p:spPr>
            <a:xfrm>
              <a:off x="9266014" y="6002999"/>
              <a:ext cx="383641" cy="369332"/>
            </a:xfrm>
            <a:prstGeom prst="ellipse">
              <a:avLst/>
            </a:pr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Oval 23">
              <a:extLst>
                <a:ext uri="{FF2B5EF4-FFF2-40B4-BE49-F238E27FC236}">
                  <a16:creationId xmlns:a16="http://schemas.microsoft.com/office/drawing/2014/main" id="{3C10EB41-5E33-9329-DD48-80DE1ED3FEDD}"/>
                </a:ext>
              </a:extLst>
            </p:cNvPr>
            <p:cNvSpPr/>
            <p:nvPr/>
          </p:nvSpPr>
          <p:spPr>
            <a:xfrm>
              <a:off x="9379849" y="6126068"/>
              <a:ext cx="156024" cy="142185"/>
            </a:xfrm>
            <a:prstGeom prst="ellipse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8423871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40" dur="14814" fill="hold"/>
                                        <p:tgtEl>
                                          <p:spTgt spid="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41" display="0">
                  <p:stCondLst>
                    <p:cond delay="indefinite"/>
                  </p:stCondLst>
                </p:cTn>
                <p:tgtEl>
                  <p:spTgt spid="7"/>
                </p:tgtEl>
              </p:cMediaNode>
            </p:video>
          </p:childTnLst>
        </p:cTn>
      </p:par>
    </p:tnLst>
    <p:bldLst>
      <p:bldP spid="5" grpId="0"/>
      <p:bldP spid="5" grpId="1"/>
      <p:bldP spid="16" grpId="0" animBg="1"/>
      <p:bldP spid="27" grpId="0" animBg="1"/>
      <p:bldP spid="9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1664C6A-3016-B9F8-2F27-CC3870B227C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1" name="Rectangle 200">
            <a:extLst>
              <a:ext uri="{FF2B5EF4-FFF2-40B4-BE49-F238E27FC236}">
                <a16:creationId xmlns:a16="http://schemas.microsoft.com/office/drawing/2014/main" id="{267A6B4B-F5B1-1CF1-BA3E-1FBBCB859AA0}"/>
              </a:ext>
            </a:extLst>
          </p:cNvPr>
          <p:cNvSpPr/>
          <p:nvPr/>
        </p:nvSpPr>
        <p:spPr>
          <a:xfrm>
            <a:off x="673603" y="4101707"/>
            <a:ext cx="3717668" cy="294485"/>
          </a:xfrm>
          <a:prstGeom prst="rect">
            <a:avLst/>
          </a:prstGeom>
          <a:solidFill>
            <a:srgbClr val="FFC000">
              <a:alpha val="2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dirty="0"/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6121B10-244E-3CFC-1D3E-D96036208136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10133" y="205595"/>
            <a:ext cx="1879728" cy="606574"/>
          </a:xfrm>
        </p:spPr>
        <p:txBody>
          <a:bodyPr/>
          <a:lstStyle/>
          <a:p>
            <a:r>
              <a:rPr lang="en-US"/>
              <a:t>Timeline</a:t>
            </a:r>
            <a:endParaRPr lang="en-CA"/>
          </a:p>
        </p:txBody>
      </p:sp>
      <p:sp>
        <p:nvSpPr>
          <p:cNvPr id="167" name="OTLSHAPE_TB_00000000000000000000000000000000_ScaleContainer">
            <a:extLst>
              <a:ext uri="{FF2B5EF4-FFF2-40B4-BE49-F238E27FC236}">
                <a16:creationId xmlns:a16="http://schemas.microsoft.com/office/drawing/2014/main" id="{588B3E16-17EC-4962-F35A-A4FC49D99C5D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63496" y="1024203"/>
            <a:ext cx="12128499" cy="250927"/>
          </a:xfrm>
          <a:prstGeom prst="round2SameRect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77" name="OTLSHAPE_TB_00000000000000000000000000000000_MiddleScaleContainer">
            <a:extLst>
              <a:ext uri="{FF2B5EF4-FFF2-40B4-BE49-F238E27FC236}">
                <a16:creationId xmlns:a16="http://schemas.microsoft.com/office/drawing/2014/main" id="{11B4CCBB-E834-7F00-EF79-A7EE1C498F8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255649"/>
            <a:ext cx="12128499" cy="201244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23" name="OTLSHAPE_TB_00000000000000000000000000000000_TodayMarkerShape">
            <a:extLst>
              <a:ext uri="{FF2B5EF4-FFF2-40B4-BE49-F238E27FC236}">
                <a16:creationId xmlns:a16="http://schemas.microsoft.com/office/drawing/2014/main" id="{84AFFEBD-52C8-C3C2-A3EB-EE22D3B0E26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 flipV="1">
            <a:off x="1820473" y="981165"/>
            <a:ext cx="63500" cy="6096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24" name="OTLSHAPE_TB_00000000000000000000000000000000_TodayMarkerText">
            <a:extLst>
              <a:ext uri="{FF2B5EF4-FFF2-40B4-BE49-F238E27FC236}">
                <a16:creationId xmlns:a16="http://schemas.microsoft.com/office/drawing/2014/main" id="{8FC78AC7-3D40-640E-C7BB-89BA804E003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377755" y="7662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26" name="OTLSHAPE_TB_00000000000000000000000000000000_TimescaleInterval2">
            <a:extLst>
              <a:ext uri="{FF2B5EF4-FFF2-40B4-BE49-F238E27FC236}">
                <a16:creationId xmlns:a16="http://schemas.microsoft.com/office/drawing/2014/main" id="{2E7834CD-CE06-E06F-07B7-C19D03BF22E4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30515" y="1052060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b="1" spc="-26" dirty="0">
                <a:solidFill>
                  <a:schemeClr val="lt2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261" name="OTLSHAPE_TB_00000000000000000000000000000000_Separator1">
            <a:extLst>
              <a:ext uri="{FF2B5EF4-FFF2-40B4-BE49-F238E27FC236}">
                <a16:creationId xmlns:a16="http://schemas.microsoft.com/office/drawing/2014/main" id="{BF796591-D821-888B-7EDA-E53CD643957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498594" y="1041559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02" name="OTLSHAPE_TB_00000000000000000000000000000000_MiddleTimescaleInterval1">
            <a:extLst>
              <a:ext uri="{FF2B5EF4-FFF2-40B4-BE49-F238E27FC236}">
                <a16:creationId xmlns:a16="http://schemas.microsoft.com/office/drawing/2014/main" id="{C80A6556-45E3-81CA-4212-1543E4B5A5C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85413" y="125035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303" name="OTLSHAPE_TB_00000000000000000000000000000000_MiddleTimescaleInterval2">
            <a:extLst>
              <a:ext uri="{FF2B5EF4-FFF2-40B4-BE49-F238E27FC236}">
                <a16:creationId xmlns:a16="http://schemas.microsoft.com/office/drawing/2014/main" id="{DD441FCA-B878-5256-D840-6F1CE938B42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94992" y="125035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4" name="OTLSHAPE_TB_00000000000000000000000000000000_MiddleTimescaleInterval3">
            <a:extLst>
              <a:ext uri="{FF2B5EF4-FFF2-40B4-BE49-F238E27FC236}">
                <a16:creationId xmlns:a16="http://schemas.microsoft.com/office/drawing/2014/main" id="{C3E0C5B6-9F23-1ED3-517C-8AAFECCC710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867881" y="125035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05" name="OTLSHAPE_TB_00000000000000000000000000000000_MiddleTimescaleInterval4">
            <a:extLst>
              <a:ext uri="{FF2B5EF4-FFF2-40B4-BE49-F238E27FC236}">
                <a16:creationId xmlns:a16="http://schemas.microsoft.com/office/drawing/2014/main" id="{E6180FD8-FE2F-3C09-0451-BAA1C9D8532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789413" y="1250351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 dirty="0">
                <a:solidFill>
                  <a:schemeClr val="lt2"/>
                </a:solidFill>
                <a:latin typeface="Calibri" panose="020F0502020204030204" pitchFamily="34" charset="0"/>
              </a:rPr>
              <a:t>Q4</a:t>
            </a:r>
          </a:p>
        </p:txBody>
      </p:sp>
      <p:cxnSp>
        <p:nvCxnSpPr>
          <p:cNvPr id="306" name="OTLSHAPE_TB_00000000000000000000000000000000_MiddleSeparator1">
            <a:extLst>
              <a:ext uri="{FF2B5EF4-FFF2-40B4-BE49-F238E27FC236}">
                <a16:creationId xmlns:a16="http://schemas.microsoft.com/office/drawing/2014/main" id="{2AAA6F29-7417-246B-9DE9-3C801C46727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63188" y="1275370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TB_00000000000000000000000000000000_MiddleSeparator2">
            <a:extLst>
              <a:ext uri="{FF2B5EF4-FFF2-40B4-BE49-F238E27FC236}">
                <a16:creationId xmlns:a16="http://schemas.microsoft.com/office/drawing/2014/main" id="{A9AAE807-D526-B943-E14F-95114A222A4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753580" y="1267815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TB_00000000000000000000000000000000_MiddleSeparator3">
            <a:extLst>
              <a:ext uri="{FF2B5EF4-FFF2-40B4-BE49-F238E27FC236}">
                <a16:creationId xmlns:a16="http://schemas.microsoft.com/office/drawing/2014/main" id="{B0466962-DCEB-B63B-AC6D-1E3706C3256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641201" y="1293216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TB_00000000000000000000000000000000_MiddleSeparator4">
            <a:extLst>
              <a:ext uri="{FF2B5EF4-FFF2-40B4-BE49-F238E27FC236}">
                <a16:creationId xmlns:a16="http://schemas.microsoft.com/office/drawing/2014/main" id="{C5463055-B121-0B94-275C-E715D309C05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496139" y="129334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38" name="Rectangle 337">
            <a:extLst>
              <a:ext uri="{FF2B5EF4-FFF2-40B4-BE49-F238E27FC236}">
                <a16:creationId xmlns:a16="http://schemas.microsoft.com/office/drawing/2014/main" id="{7DDF4DA8-B65D-DD14-0D5C-453B8853AA6E}"/>
              </a:ext>
            </a:extLst>
          </p:cNvPr>
          <p:cNvSpPr/>
          <p:nvPr/>
        </p:nvSpPr>
        <p:spPr>
          <a:xfrm>
            <a:off x="673603" y="1039356"/>
            <a:ext cx="3717668" cy="2969908"/>
          </a:xfrm>
          <a:prstGeom prst="rect">
            <a:avLst/>
          </a:prstGeom>
          <a:solidFill>
            <a:srgbClr val="FFC000">
              <a:alpha val="20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2C9A4F6C-241A-56FE-6651-161EA0452DAC}"/>
              </a:ext>
            </a:extLst>
          </p:cNvPr>
          <p:cNvCxnSpPr>
            <a:cxnSpLocks/>
          </p:cNvCxnSpPr>
          <p:nvPr/>
        </p:nvCxnSpPr>
        <p:spPr>
          <a:xfrm>
            <a:off x="130515" y="2160104"/>
            <a:ext cx="11876870" cy="0"/>
          </a:xfrm>
          <a:prstGeom prst="straightConnector1">
            <a:avLst/>
          </a:prstGeom>
          <a:ln w="6032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SLA_01492ee704c84791b84e9d58595aaf9e_Shape">
            <a:extLst>
              <a:ext uri="{FF2B5EF4-FFF2-40B4-BE49-F238E27FC236}">
                <a16:creationId xmlns:a16="http://schemas.microsoft.com/office/drawing/2014/main" id="{26B6FCBE-9BBA-CBA2-0F37-C66E770AC57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211406" y="2080698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6" name="OTLSHAPE_SLA_439ca32a204b4bfeac96d7a55f50a0bf_Shape">
            <a:extLst>
              <a:ext uri="{FF2B5EF4-FFF2-40B4-BE49-F238E27FC236}">
                <a16:creationId xmlns:a16="http://schemas.microsoft.com/office/drawing/2014/main" id="{1736F02F-E185-8BEE-745B-40F1EDA06DE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957482" y="2089329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7" name="OTLSHAPE_SLA_6a88b7105ffd445e93c2cb66425934a7_Shape">
            <a:extLst>
              <a:ext uri="{FF2B5EF4-FFF2-40B4-BE49-F238E27FC236}">
                <a16:creationId xmlns:a16="http://schemas.microsoft.com/office/drawing/2014/main" id="{D12CF1A6-EF79-C223-6ADA-739069283DF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662704" y="2089329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9" name="OTLSHAPE_SLA_94a0c04d61d34c5490ed4f271dd20dac_Title">
            <a:extLst>
              <a:ext uri="{FF2B5EF4-FFF2-40B4-BE49-F238E27FC236}">
                <a16:creationId xmlns:a16="http://schemas.microsoft.com/office/drawing/2014/main" id="{2CFBB99B-E7F9-4C2E-ABB9-D028C2C19F2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541173" y="4096323"/>
            <a:ext cx="216817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LS 26</a:t>
            </a:r>
            <a:endParaRPr lang="en-CA" sz="20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A_4aecc1a24a3748a38ae3079e0931feba_Title">
            <a:extLst>
              <a:ext uri="{FF2B5EF4-FFF2-40B4-BE49-F238E27FC236}">
                <a16:creationId xmlns:a16="http://schemas.microsoft.com/office/drawing/2014/main" id="{D02372AF-4FA2-DD70-48B7-3A27A6191D22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 rot="19778733">
            <a:off x="93455" y="2966608"/>
            <a:ext cx="311067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oton station ready to receive modules</a:t>
            </a:r>
            <a:endParaRPr lang="en-CA" sz="14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A_4aecc1a24a3748a38ae3079e0931feba_Title">
            <a:extLst>
              <a:ext uri="{FF2B5EF4-FFF2-40B4-BE49-F238E27FC236}">
                <a16:creationId xmlns:a16="http://schemas.microsoft.com/office/drawing/2014/main" id="{7C7C72CD-A4E9-CBEC-9599-0D1F7A1A6B47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 rot="19778733">
            <a:off x="855135" y="3044216"/>
            <a:ext cx="311067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lectron station ready to receive modules</a:t>
            </a:r>
            <a:endParaRPr lang="en-CA" sz="14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A_4aecc1a24a3748a38ae3079e0931feba_Title">
            <a:extLst>
              <a:ext uri="{FF2B5EF4-FFF2-40B4-BE49-F238E27FC236}">
                <a16:creationId xmlns:a16="http://schemas.microsoft.com/office/drawing/2014/main" id="{10A79D1F-4DEB-665D-0BC0-F76561E99CB1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 rot="19778733">
            <a:off x="2319800" y="2758553"/>
            <a:ext cx="212298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river beam lines installed</a:t>
            </a:r>
            <a:endParaRPr lang="en-CA" sz="14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A_439ca32a204b4bfeac96d7a55f50a0bf_Shape">
            <a:extLst>
              <a:ext uri="{FF2B5EF4-FFF2-40B4-BE49-F238E27FC236}">
                <a16:creationId xmlns:a16="http://schemas.microsoft.com/office/drawing/2014/main" id="{1E12DBE5-4A79-B5D1-47CC-CF55DA9B170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966220" y="2089328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SLA_4aecc1a24a3748a38ae3079e0931feba_Title">
            <a:extLst>
              <a:ext uri="{FF2B5EF4-FFF2-40B4-BE49-F238E27FC236}">
                <a16:creationId xmlns:a16="http://schemas.microsoft.com/office/drawing/2014/main" id="{80E3BAFA-D974-15B0-ED62-21D57CA1A04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 rot="19778733">
            <a:off x="-81618" y="2765701"/>
            <a:ext cx="2303986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Target hall infrastructure ready to receive  modules</a:t>
            </a:r>
            <a:endParaRPr lang="en-CA" sz="14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B_00000000000000000000000000000000_TimescaleInterval2">
            <a:extLst>
              <a:ext uri="{FF2B5EF4-FFF2-40B4-BE49-F238E27FC236}">
                <a16:creationId xmlns:a16="http://schemas.microsoft.com/office/drawing/2014/main" id="{E8999B4B-176B-1160-F858-DC0EC1F9F250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633992" y="1059487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b="1" spc="-26" dirty="0">
                <a:solidFill>
                  <a:schemeClr val="lt2"/>
                </a:solidFill>
                <a:latin typeface="Calibri" panose="020F0502020204030204" pitchFamily="34" charset="0"/>
              </a:rPr>
              <a:t>2027</a:t>
            </a:r>
          </a:p>
        </p:txBody>
      </p:sp>
      <p:cxnSp>
        <p:nvCxnSpPr>
          <p:cNvPr id="132" name="OTLSHAPE_TB_00000000000000000000000000000000_Separator1">
            <a:extLst>
              <a:ext uri="{FF2B5EF4-FFF2-40B4-BE49-F238E27FC236}">
                <a16:creationId xmlns:a16="http://schemas.microsoft.com/office/drawing/2014/main" id="{4432E232-2E5F-6E40-F38D-1AFA82E5CC2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002071" y="1048986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33" name="OTLSHAPE_TB_00000000000000000000000000000000_MiddleTimescaleInterval1">
            <a:extLst>
              <a:ext uri="{FF2B5EF4-FFF2-40B4-BE49-F238E27FC236}">
                <a16:creationId xmlns:a16="http://schemas.microsoft.com/office/drawing/2014/main" id="{42D0E48D-BC65-2AF1-CDD8-0BB5D83589BB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688890" y="125777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34" name="OTLSHAPE_TB_00000000000000000000000000000000_MiddleTimescaleInterval2">
            <a:extLst>
              <a:ext uri="{FF2B5EF4-FFF2-40B4-BE49-F238E27FC236}">
                <a16:creationId xmlns:a16="http://schemas.microsoft.com/office/drawing/2014/main" id="{2DC80082-9A2F-3055-C811-58C036A1F70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498469" y="125777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35" name="OTLSHAPE_TB_00000000000000000000000000000000_MiddleTimescaleInterval3">
            <a:extLst>
              <a:ext uri="{FF2B5EF4-FFF2-40B4-BE49-F238E27FC236}">
                <a16:creationId xmlns:a16="http://schemas.microsoft.com/office/drawing/2014/main" id="{E2B6E68B-7477-27B5-6F52-61E32B32775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371358" y="125777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36" name="OTLSHAPE_TB_00000000000000000000000000000000_MiddleTimescaleInterval4">
            <a:extLst>
              <a:ext uri="{FF2B5EF4-FFF2-40B4-BE49-F238E27FC236}">
                <a16:creationId xmlns:a16="http://schemas.microsoft.com/office/drawing/2014/main" id="{4DBFDF4D-28E7-F16C-7D13-66CD4F0405B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292890" y="125777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 dirty="0">
                <a:solidFill>
                  <a:schemeClr val="lt2"/>
                </a:solidFill>
                <a:latin typeface="Calibri" panose="020F0502020204030204" pitchFamily="34" charset="0"/>
              </a:rPr>
              <a:t>Q4</a:t>
            </a:r>
          </a:p>
        </p:txBody>
      </p:sp>
      <p:cxnSp>
        <p:nvCxnSpPr>
          <p:cNvPr id="137" name="OTLSHAPE_TB_00000000000000000000000000000000_MiddleSeparator1">
            <a:extLst>
              <a:ext uri="{FF2B5EF4-FFF2-40B4-BE49-F238E27FC236}">
                <a16:creationId xmlns:a16="http://schemas.microsoft.com/office/drawing/2014/main" id="{4F3EE716-6EE6-BCDB-B494-6C71DA4F69A8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366665" y="1282797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B_00000000000000000000000000000000_MiddleSeparator2">
            <a:extLst>
              <a:ext uri="{FF2B5EF4-FFF2-40B4-BE49-F238E27FC236}">
                <a16:creationId xmlns:a16="http://schemas.microsoft.com/office/drawing/2014/main" id="{30E7C7EE-4171-1F90-0F6C-1E7E70B22C3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257057" y="1275242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B_00000000000000000000000000000000_MiddleSeparator3">
            <a:extLst>
              <a:ext uri="{FF2B5EF4-FFF2-40B4-BE49-F238E27FC236}">
                <a16:creationId xmlns:a16="http://schemas.microsoft.com/office/drawing/2014/main" id="{0AE0DEE6-4E8E-EA2A-B7F7-BA1F141419EF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144678" y="1300643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B_00000000000000000000000000000000_MiddleSeparator4">
            <a:extLst>
              <a:ext uri="{FF2B5EF4-FFF2-40B4-BE49-F238E27FC236}">
                <a16:creationId xmlns:a16="http://schemas.microsoft.com/office/drawing/2014/main" id="{FFF0CA62-5746-9255-2166-8286C391F8A4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6999616" y="130076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1" name="OTLSHAPE_TB_00000000000000000000000000000000_TimescaleInterval2">
            <a:extLst>
              <a:ext uri="{FF2B5EF4-FFF2-40B4-BE49-F238E27FC236}">
                <a16:creationId xmlns:a16="http://schemas.microsoft.com/office/drawing/2014/main" id="{7CC0F0E8-D385-B967-D4E4-2B8E645C7D5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145481" y="1050772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b="1" spc="-26" dirty="0">
                <a:solidFill>
                  <a:schemeClr val="lt2"/>
                </a:solidFill>
                <a:latin typeface="Calibri" panose="020F0502020204030204" pitchFamily="34" charset="0"/>
              </a:rPr>
              <a:t>2028</a:t>
            </a:r>
          </a:p>
        </p:txBody>
      </p:sp>
      <p:cxnSp>
        <p:nvCxnSpPr>
          <p:cNvPr id="142" name="OTLSHAPE_TB_00000000000000000000000000000000_Separator1">
            <a:extLst>
              <a:ext uri="{FF2B5EF4-FFF2-40B4-BE49-F238E27FC236}">
                <a16:creationId xmlns:a16="http://schemas.microsoft.com/office/drawing/2014/main" id="{0BC8394F-CA21-C97A-C073-A0741BBEC4E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0513560" y="1040271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3" name="OTLSHAPE_TB_00000000000000000000000000000000_MiddleTimescaleInterval1">
            <a:extLst>
              <a:ext uri="{FF2B5EF4-FFF2-40B4-BE49-F238E27FC236}">
                <a16:creationId xmlns:a16="http://schemas.microsoft.com/office/drawing/2014/main" id="{9086AFC6-E8B7-F807-E9A2-EF0CCCAD592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200379" y="124906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44" name="OTLSHAPE_TB_00000000000000000000000000000000_MiddleTimescaleInterval2">
            <a:extLst>
              <a:ext uri="{FF2B5EF4-FFF2-40B4-BE49-F238E27FC236}">
                <a16:creationId xmlns:a16="http://schemas.microsoft.com/office/drawing/2014/main" id="{90848B63-8B10-A5FA-EB1D-08BA281406A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009958" y="124906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45" name="OTLSHAPE_TB_00000000000000000000000000000000_MiddleTimescaleInterval3">
            <a:extLst>
              <a:ext uri="{FF2B5EF4-FFF2-40B4-BE49-F238E27FC236}">
                <a16:creationId xmlns:a16="http://schemas.microsoft.com/office/drawing/2014/main" id="{303EFDC7-F297-FA89-8A54-80D51E3018D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882847" y="124906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46" name="OTLSHAPE_TB_00000000000000000000000000000000_MiddleTimescaleInterval4">
            <a:extLst>
              <a:ext uri="{FF2B5EF4-FFF2-40B4-BE49-F238E27FC236}">
                <a16:creationId xmlns:a16="http://schemas.microsoft.com/office/drawing/2014/main" id="{6E7452AF-FE29-EFAC-99D6-ACCF6F561CA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804379" y="124906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 dirty="0">
                <a:solidFill>
                  <a:schemeClr val="lt2"/>
                </a:solidFill>
                <a:latin typeface="Calibri" panose="020F0502020204030204" pitchFamily="34" charset="0"/>
              </a:rPr>
              <a:t>Q4</a:t>
            </a:r>
          </a:p>
        </p:txBody>
      </p:sp>
      <p:cxnSp>
        <p:nvCxnSpPr>
          <p:cNvPr id="147" name="OTLSHAPE_TB_00000000000000000000000000000000_MiddleSeparator1">
            <a:extLst>
              <a:ext uri="{FF2B5EF4-FFF2-40B4-BE49-F238E27FC236}">
                <a16:creationId xmlns:a16="http://schemas.microsoft.com/office/drawing/2014/main" id="{C844DDAE-AE3B-DABB-ADD2-E92111EC4BB1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7878154" y="1274082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TB_00000000000000000000000000000000_MiddleSeparator2">
            <a:extLst>
              <a:ext uri="{FF2B5EF4-FFF2-40B4-BE49-F238E27FC236}">
                <a16:creationId xmlns:a16="http://schemas.microsoft.com/office/drawing/2014/main" id="{69D8387A-3F05-80C1-D33A-198B6DDF77B7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768546" y="1266527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B_00000000000000000000000000000000_MiddleSeparator3">
            <a:extLst>
              <a:ext uri="{FF2B5EF4-FFF2-40B4-BE49-F238E27FC236}">
                <a16:creationId xmlns:a16="http://schemas.microsoft.com/office/drawing/2014/main" id="{A5FFDE5B-C4CB-B20C-B1C8-67DFA053CA29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9656167" y="1291928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TB_00000000000000000000000000000000_MiddleSeparator4">
            <a:extLst>
              <a:ext uri="{FF2B5EF4-FFF2-40B4-BE49-F238E27FC236}">
                <a16:creationId xmlns:a16="http://schemas.microsoft.com/office/drawing/2014/main" id="{1F51476B-9BC5-1FA1-04EA-78F5A97E2728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0511105" y="1292053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81" name="OTLSHAPE_TB_00000000000000000000000000000000_TimescaleInterval2">
            <a:extLst>
              <a:ext uri="{FF2B5EF4-FFF2-40B4-BE49-F238E27FC236}">
                <a16:creationId xmlns:a16="http://schemas.microsoft.com/office/drawing/2014/main" id="{3B181C9C-2DD0-72FB-CD0A-EE05E142813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652214" y="1041559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b="1" spc="-26" dirty="0">
                <a:solidFill>
                  <a:schemeClr val="lt2"/>
                </a:solidFill>
                <a:latin typeface="Calibri" panose="020F0502020204030204" pitchFamily="34" charset="0"/>
              </a:rPr>
              <a:t>2029</a:t>
            </a:r>
          </a:p>
        </p:txBody>
      </p:sp>
      <p:sp>
        <p:nvSpPr>
          <p:cNvPr id="183" name="OTLSHAPE_TB_00000000000000000000000000000000_MiddleTimescaleInterval1">
            <a:extLst>
              <a:ext uri="{FF2B5EF4-FFF2-40B4-BE49-F238E27FC236}">
                <a16:creationId xmlns:a16="http://schemas.microsoft.com/office/drawing/2014/main" id="{3EFE9F6B-B38E-7BBC-5D31-B6ADB3CF85E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0707112" y="1239850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84" name="OTLSHAPE_TB_00000000000000000000000000000000_MiddleTimescaleInterval2">
            <a:extLst>
              <a:ext uri="{FF2B5EF4-FFF2-40B4-BE49-F238E27FC236}">
                <a16:creationId xmlns:a16="http://schemas.microsoft.com/office/drawing/2014/main" id="{A44737F8-0CCC-6EBE-130A-A4F25A93FDC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1516691" y="1239850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38">
                <a:solidFill>
                  <a:schemeClr val="lt2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187" name="OTLSHAPE_TB_00000000000000000000000000000000_MiddleSeparator1">
            <a:extLst>
              <a:ext uri="{FF2B5EF4-FFF2-40B4-BE49-F238E27FC236}">
                <a16:creationId xmlns:a16="http://schemas.microsoft.com/office/drawing/2014/main" id="{EB8CCB41-4F98-2D1C-F2E4-4726698E559E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11384887" y="1264869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B_00000000000000000000000000000000_MiddleSeparator2">
            <a:extLst>
              <a:ext uri="{FF2B5EF4-FFF2-40B4-BE49-F238E27FC236}">
                <a16:creationId xmlns:a16="http://schemas.microsoft.com/office/drawing/2014/main" id="{D05442FD-E1DE-3D7A-7F29-9230DD7290AD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12275279" y="1257314"/>
            <a:ext cx="0" cy="146304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93" name="OTLSHAPE_SLA_01492ee704c84791b84e9d58595aaf9e_Shape">
            <a:extLst>
              <a:ext uri="{FF2B5EF4-FFF2-40B4-BE49-F238E27FC236}">
                <a16:creationId xmlns:a16="http://schemas.microsoft.com/office/drawing/2014/main" id="{B263C535-49FC-113B-FBCD-7242AEFFA32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614518" y="2080339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94" name="OTLSHAPE_SLA_4aecc1a24a3748a38ae3079e0931feba_Title">
            <a:extLst>
              <a:ext uri="{FF2B5EF4-FFF2-40B4-BE49-F238E27FC236}">
                <a16:creationId xmlns:a16="http://schemas.microsoft.com/office/drawing/2014/main" id="{2A7FED74-2E1D-88AF-7A6A-5F3AA995CE5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 rot="19778733">
            <a:off x="3803272" y="3007662"/>
            <a:ext cx="311030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eady to start commissioning with beam</a:t>
            </a:r>
            <a:endParaRPr lang="en-CA" sz="14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A_01492ee704c84791b84e9d58595aaf9e_Shape">
            <a:extLst>
              <a:ext uri="{FF2B5EF4-FFF2-40B4-BE49-F238E27FC236}">
                <a16:creationId xmlns:a16="http://schemas.microsoft.com/office/drawing/2014/main" id="{F9ABACCE-FEAA-FD58-2285-A12FA006C44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874138" y="2096756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96" name="OTLSHAPE_SLA_4aecc1a24a3748a38ae3079e0931feba_Title">
            <a:extLst>
              <a:ext uri="{FF2B5EF4-FFF2-40B4-BE49-F238E27FC236}">
                <a16:creationId xmlns:a16="http://schemas.microsoft.com/office/drawing/2014/main" id="{2C7F53DC-A178-D4D0-4442-B29AEEC9120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 rot="19778733">
            <a:off x="2373306" y="2939874"/>
            <a:ext cx="277704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ntrols and safety systems installed</a:t>
            </a:r>
            <a:endParaRPr lang="en-CA" sz="14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A_01492ee704c84791b84e9d58595aaf9e_Shape">
            <a:extLst>
              <a:ext uri="{FF2B5EF4-FFF2-40B4-BE49-F238E27FC236}">
                <a16:creationId xmlns:a16="http://schemas.microsoft.com/office/drawing/2014/main" id="{98C4BFA9-E8A3-BC82-16CC-82E345AF1CC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742541" y="2067660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98" name="OTLSHAPE_SLA_4aecc1a24a3748a38ae3079e0931feba_Title">
            <a:extLst>
              <a:ext uri="{FF2B5EF4-FFF2-40B4-BE49-F238E27FC236}">
                <a16:creationId xmlns:a16="http://schemas.microsoft.com/office/drawing/2014/main" id="{3A025FD6-0536-26D2-7AC1-D681FCDF868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 rot="19778733">
            <a:off x="5931295" y="2994983"/>
            <a:ext cx="311030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eady to transition to operations</a:t>
            </a:r>
            <a:endParaRPr lang="en-CA" sz="14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A_01492ee704c84791b84e9d58595aaf9e_Shape">
            <a:extLst>
              <a:ext uri="{FF2B5EF4-FFF2-40B4-BE49-F238E27FC236}">
                <a16:creationId xmlns:a16="http://schemas.microsoft.com/office/drawing/2014/main" id="{40E9C02B-17E1-D3B7-AEB5-C940AB1B52CE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0454971" y="2096756"/>
            <a:ext cx="152400" cy="177800"/>
          </a:xfrm>
          <a:prstGeom prst="diamond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00" name="OTLSHAPE_SLA_4aecc1a24a3748a38ae3079e0931feba_Title">
            <a:extLst>
              <a:ext uri="{FF2B5EF4-FFF2-40B4-BE49-F238E27FC236}">
                <a16:creationId xmlns:a16="http://schemas.microsoft.com/office/drawing/2014/main" id="{9796DE18-05A0-21C9-81FF-DE38E65DB88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 rot="19778733">
            <a:off x="7290355" y="3119937"/>
            <a:ext cx="348967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On track to deliver 5000 RIB-hours in 1 year</a:t>
            </a:r>
            <a:endParaRPr lang="en-CA" sz="14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pic>
        <p:nvPicPr>
          <p:cNvPr id="202" name="Picture 2">
            <a:extLst>
              <a:ext uri="{FF2B5EF4-FFF2-40B4-BE49-F238E27FC236}">
                <a16:creationId xmlns:a16="http://schemas.microsoft.com/office/drawing/2014/main" id="{179FC744-04AD-8A60-D491-5AE7E3BC60B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80" t="31697" b="29961"/>
          <a:stretch>
            <a:fillRect/>
          </a:stretch>
        </p:blipFill>
        <p:spPr bwMode="auto">
          <a:xfrm>
            <a:off x="8157034" y="4096322"/>
            <a:ext cx="3986946" cy="2740988"/>
          </a:xfrm>
          <a:prstGeom prst="rect">
            <a:avLst/>
          </a:prstGeom>
          <a:noFill/>
          <a:ln w="19050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3" name="Picture 202">
            <a:extLst>
              <a:ext uri="{FF2B5EF4-FFF2-40B4-BE49-F238E27FC236}">
                <a16:creationId xmlns:a16="http://schemas.microsoft.com/office/drawing/2014/main" id="{84B1D29F-EFF3-D8C8-EB18-0016D9DDDBB3}"/>
              </a:ext>
            </a:extLst>
          </p:cNvPr>
          <p:cNvPicPr>
            <a:picLocks noChangeAspect="1"/>
          </p:cNvPicPr>
          <p:nvPr/>
        </p:nvPicPr>
        <p:blipFill>
          <a:blip r:embed="rId59"/>
          <a:srcRect l="5415" r="8564"/>
          <a:stretch>
            <a:fillRect/>
          </a:stretch>
        </p:blipFill>
        <p:spPr>
          <a:xfrm>
            <a:off x="240877" y="4085695"/>
            <a:ext cx="4183868" cy="2735501"/>
          </a:xfrm>
          <a:prstGeom prst="rect">
            <a:avLst/>
          </a:prstGeom>
        </p:spPr>
      </p:pic>
      <p:pic>
        <p:nvPicPr>
          <p:cNvPr id="204" name="Picture 14">
            <a:extLst>
              <a:ext uri="{FF2B5EF4-FFF2-40B4-BE49-F238E27FC236}">
                <a16:creationId xmlns:a16="http://schemas.microsoft.com/office/drawing/2014/main" id="{76962C45-E9EA-68B0-7AFC-62572ED3278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59"/>
          <a:stretch>
            <a:fillRect/>
          </a:stretch>
        </p:blipFill>
        <p:spPr bwMode="auto">
          <a:xfrm>
            <a:off x="4465933" y="4087080"/>
            <a:ext cx="3656478" cy="2735501"/>
          </a:xfrm>
          <a:prstGeom prst="rect">
            <a:avLst/>
          </a:prstGeom>
          <a:ln w="12700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058986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C58AAA5-6B5B-C3B4-618E-54D07407303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0FE21F92-9442-DC05-D6D3-684F0EA40FF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213" t="25255"/>
          <a:stretch>
            <a:fillRect/>
          </a:stretch>
        </p:blipFill>
        <p:spPr bwMode="auto">
          <a:xfrm>
            <a:off x="7017593" y="606478"/>
            <a:ext cx="3293845" cy="19688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895FF18-DE21-D31D-E24E-2F0D88A4914C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Several contributors through the year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B0DBD51-3C0B-BFFB-D713-54DB7F9961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76498" y="6492875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26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393A3EF-BD17-87A0-0A6A-CEAE5500C782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12436" t="31921" r="1811" b="18196"/>
          <a:stretch>
            <a:fillRect/>
          </a:stretch>
        </p:blipFill>
        <p:spPr>
          <a:xfrm>
            <a:off x="4535330" y="5051946"/>
            <a:ext cx="1593576" cy="1649403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44265312-1B1F-8925-1BC4-FEC4B5622341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t="13611" b="29166"/>
          <a:stretch>
            <a:fillRect/>
          </a:stretch>
        </p:blipFill>
        <p:spPr>
          <a:xfrm>
            <a:off x="9886951" y="2744982"/>
            <a:ext cx="2078058" cy="2115781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0DAB9D84-C811-62C7-AFB0-DC5DCBFCA677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t="23333" r="6050" b="13056"/>
          <a:stretch>
            <a:fillRect/>
          </a:stretch>
        </p:blipFill>
        <p:spPr>
          <a:xfrm>
            <a:off x="10428901" y="606478"/>
            <a:ext cx="1634268" cy="1968823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B41CD967-8D05-D793-7052-89BD4A144A2B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19668" t="33611" r="29215" b="35269"/>
          <a:stretch>
            <a:fillRect/>
          </a:stretch>
        </p:blipFill>
        <p:spPr>
          <a:xfrm>
            <a:off x="433126" y="5051946"/>
            <a:ext cx="1522673" cy="1649403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7F703B9C-9F28-1083-7625-580E83CE683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502713" y="2776626"/>
            <a:ext cx="1563371" cy="2085256"/>
          </a:xfrm>
          <a:prstGeom prst="rect">
            <a:avLst/>
          </a:prstGeom>
        </p:spPr>
      </p:pic>
      <p:grpSp>
        <p:nvGrpSpPr>
          <p:cNvPr id="8" name="Group 7">
            <a:extLst>
              <a:ext uri="{FF2B5EF4-FFF2-40B4-BE49-F238E27FC236}">
                <a16:creationId xmlns:a16="http://schemas.microsoft.com/office/drawing/2014/main" id="{33E6CB46-72C4-6EB6-D85C-589D2057A63E}"/>
              </a:ext>
            </a:extLst>
          </p:cNvPr>
          <p:cNvGrpSpPr>
            <a:grpSpLocks noChangeAspect="1"/>
          </p:cNvGrpSpPr>
          <p:nvPr/>
        </p:nvGrpSpPr>
        <p:grpSpPr>
          <a:xfrm>
            <a:off x="2125096" y="5051946"/>
            <a:ext cx="2288881" cy="1649403"/>
            <a:chOff x="10317101" y="200591"/>
            <a:chExt cx="1697376" cy="1223155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42480490-32E7-48B3-63C2-11BD0D1D660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rcRect l="57690"/>
            <a:stretch>
              <a:fillRect/>
            </a:stretch>
          </p:blipFill>
          <p:spPr>
            <a:xfrm>
              <a:off x="11094975" y="200591"/>
              <a:ext cx="919502" cy="1223155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1054AEA0-966A-DC0C-C3AB-B634E3A2F57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rcRect r="64022"/>
            <a:stretch>
              <a:fillRect/>
            </a:stretch>
          </p:blipFill>
          <p:spPr>
            <a:xfrm>
              <a:off x="10317101" y="200591"/>
              <a:ext cx="781905" cy="1223155"/>
            </a:xfrm>
            <a:prstGeom prst="rect">
              <a:avLst/>
            </a:prstGeom>
          </p:spPr>
        </p:pic>
      </p:grpSp>
      <p:pic>
        <p:nvPicPr>
          <p:cNvPr id="10" name="Picture 9">
            <a:extLst>
              <a:ext uri="{FF2B5EF4-FFF2-40B4-BE49-F238E27FC236}">
                <a16:creationId xmlns:a16="http://schemas.microsoft.com/office/drawing/2014/main" id="{7AF2135F-4070-A283-14E1-76C9806E2A6A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l="15066" r="14744"/>
          <a:stretch/>
        </p:blipFill>
        <p:spPr>
          <a:xfrm>
            <a:off x="7386433" y="2776625"/>
            <a:ext cx="2234044" cy="2078961"/>
          </a:xfrm>
          <a:prstGeom prst="rect">
            <a:avLst/>
          </a:prstGeom>
          <a:ln w="28575">
            <a:noFill/>
          </a:ln>
        </p:spPr>
      </p:pic>
      <p:pic>
        <p:nvPicPr>
          <p:cNvPr id="15" name="Picture 14" descr="A group of people posing for a photo&#10;&#10;Description automatically generated">
            <a:extLst>
              <a:ext uri="{FF2B5EF4-FFF2-40B4-BE49-F238E27FC236}">
                <a16:creationId xmlns:a16="http://schemas.microsoft.com/office/drawing/2014/main" id="{ACF6B1F2-4013-7DAB-2A07-25FAB1EFBC08}"/>
              </a:ext>
            </a:extLst>
          </p:cNvPr>
          <p:cNvPicPr>
            <a:picLocks noChangeAspect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569" t="1402" r="4891"/>
          <a:stretch/>
        </p:blipFill>
        <p:spPr>
          <a:xfrm>
            <a:off x="3000200" y="2770100"/>
            <a:ext cx="2240807" cy="2085255"/>
          </a:xfrm>
          <a:prstGeom prst="rect">
            <a:avLst/>
          </a:prstGeom>
          <a:ln>
            <a:noFill/>
          </a:ln>
        </p:spPr>
      </p:pic>
      <p:pic>
        <p:nvPicPr>
          <p:cNvPr id="20" name="Picture 19" descr="A group of people posing for a photo in front of a blue and white object&#10;&#10;Description automatically generated with medium confidence">
            <a:extLst>
              <a:ext uri="{FF2B5EF4-FFF2-40B4-BE49-F238E27FC236}">
                <a16:creationId xmlns:a16="http://schemas.microsoft.com/office/drawing/2014/main" id="{FC1F3372-CBA7-DCEA-028D-1EC7377FE2C9}"/>
              </a:ext>
            </a:extLst>
          </p:cNvPr>
          <p:cNvPicPr>
            <a:picLocks noChangeAspect="1"/>
          </p:cNvPicPr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516" t="12460" r="-690"/>
          <a:stretch>
            <a:fillRect/>
          </a:stretch>
        </p:blipFill>
        <p:spPr>
          <a:xfrm>
            <a:off x="6216076" y="5051946"/>
            <a:ext cx="2421914" cy="1649402"/>
          </a:xfrm>
          <a:prstGeom prst="rect">
            <a:avLst/>
          </a:prstGeom>
          <a:ln>
            <a:noFill/>
          </a:ln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BE452BD8-FCDF-1298-8A0C-18F328CC279A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338439" y="812169"/>
            <a:ext cx="3504148" cy="870211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092CFA26-5D6A-BE21-8512-F11385AF575A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4304298" y="744201"/>
            <a:ext cx="2251584" cy="964428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904B1635-1612-D363-AECE-D5D9C31A353B}"/>
              </a:ext>
            </a:extLst>
          </p:cNvPr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35344" y="1844472"/>
            <a:ext cx="3917333" cy="704742"/>
          </a:xfrm>
          <a:prstGeom prst="rect">
            <a:avLst/>
          </a:prstGeom>
        </p:spPr>
      </p:pic>
      <p:pic>
        <p:nvPicPr>
          <p:cNvPr id="21" name="Picture 2" descr="uvic-logo - Arbutus Law Group, Aboriginal Law">
            <a:extLst>
              <a:ext uri="{FF2B5EF4-FFF2-40B4-BE49-F238E27FC236}">
                <a16:creationId xmlns:a16="http://schemas.microsoft.com/office/drawing/2014/main" id="{8ABD41CC-6B5A-5A0E-DC32-0E0B36A4278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37232" y="5051946"/>
            <a:ext cx="1481002" cy="5246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" name="Picture 2" descr="UBC Logos | UBC Brand">
            <a:extLst>
              <a:ext uri="{FF2B5EF4-FFF2-40B4-BE49-F238E27FC236}">
                <a16:creationId xmlns:a16="http://schemas.microsoft.com/office/drawing/2014/main" id="{C4355A1D-1B76-343D-55C9-5BD2884941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53258" y="5772762"/>
            <a:ext cx="1760672" cy="3645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aint Mary's University in Halifax, Nova Scotia, Canada">
            <a:extLst>
              <a:ext uri="{FF2B5EF4-FFF2-40B4-BE49-F238E27FC236}">
                <a16:creationId xmlns:a16="http://schemas.microsoft.com/office/drawing/2014/main" id="{47E546A4-6643-3797-1E55-EACAC3E81C9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47392" y="6234167"/>
            <a:ext cx="1747472" cy="5174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4" descr="Variable Energy Cyclotron Centre - Wikipedia">
            <a:extLst>
              <a:ext uri="{FF2B5EF4-FFF2-40B4-BE49-F238E27FC236}">
                <a16:creationId xmlns:a16="http://schemas.microsoft.com/office/drawing/2014/main" id="{C6B8711D-440A-33E1-2B63-BA69F1D9DE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68789" y="5188165"/>
            <a:ext cx="856329" cy="8519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Picture 23" descr="A large group of people posing for a photo&#10;&#10;Description automatically generated with medium confidence">
            <a:extLst>
              <a:ext uri="{FF2B5EF4-FFF2-40B4-BE49-F238E27FC236}">
                <a16:creationId xmlns:a16="http://schemas.microsoft.com/office/drawing/2014/main" id="{DB8107FA-CA1C-5C91-BAF3-63C6E5BE52BA}"/>
              </a:ext>
            </a:extLst>
          </p:cNvPr>
          <p:cNvPicPr>
            <a:picLocks noChangeAspect="1"/>
          </p:cNvPicPr>
          <p:nvPr/>
        </p:nvPicPr>
        <p:blipFill rotWithShape="1">
          <a:blip r:embed="rId1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33126" y="2757743"/>
            <a:ext cx="2240807" cy="2085674"/>
          </a:xfrm>
          <a:prstGeom prst="rect">
            <a:avLst/>
          </a:prstGeom>
          <a:ln>
            <a:noFill/>
          </a:ln>
        </p:spPr>
      </p:pic>
      <p:pic>
        <p:nvPicPr>
          <p:cNvPr id="1030" name="Picture 6" descr="SCK CEN – Belgian Nuclear Research Centre – ACES">
            <a:extLst>
              <a:ext uri="{FF2B5EF4-FFF2-40B4-BE49-F238E27FC236}">
                <a16:creationId xmlns:a16="http://schemas.microsoft.com/office/drawing/2014/main" id="{AC267543-7BBC-3600-E113-D1DAA35C02C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71903" y="6076115"/>
            <a:ext cx="1015048" cy="6754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96031791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8AFA81B9-A32D-E286-27CA-08127FA21A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27</a:t>
            </a:fld>
            <a:endParaRPr 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E61C400-6818-F506-F23B-9DFB5CB38657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Backup</a:t>
            </a: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1612820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>
            <a:extLst>
              <a:ext uri="{FF2B5EF4-FFF2-40B4-BE49-F238E27FC236}">
                <a16:creationId xmlns:a16="http://schemas.microsoft.com/office/drawing/2014/main" id="{EDB1DF31-E531-D57F-A4E0-1C2ADC40A3F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94957" y="797431"/>
            <a:ext cx="2492879" cy="5650992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808A44BD-1185-BF6E-F9C9-3E484ABDC06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ISAC vs ARIEL target module – service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5D7709-952C-4D46-FF61-73EB33D31D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492875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28</a:t>
            </a:fld>
            <a:endParaRPr lang="en-US"/>
          </a:p>
        </p:txBody>
      </p:sp>
      <p:grpSp>
        <p:nvGrpSpPr>
          <p:cNvPr id="2051" name="Group 2050">
            <a:extLst>
              <a:ext uri="{FF2B5EF4-FFF2-40B4-BE49-F238E27FC236}">
                <a16:creationId xmlns:a16="http://schemas.microsoft.com/office/drawing/2014/main" id="{24DC4898-EC42-6FDD-EC1D-A516AD6EAD6A}"/>
              </a:ext>
            </a:extLst>
          </p:cNvPr>
          <p:cNvGrpSpPr/>
          <p:nvPr/>
        </p:nvGrpSpPr>
        <p:grpSpPr>
          <a:xfrm>
            <a:off x="199291" y="1384952"/>
            <a:ext cx="1945784" cy="4456694"/>
            <a:chOff x="197987" y="2139643"/>
            <a:chExt cx="1945784" cy="4456694"/>
          </a:xfrm>
        </p:grpSpPr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5434D260-F307-7D40-E629-69462DFBEFF1}"/>
                </a:ext>
              </a:extLst>
            </p:cNvPr>
            <p:cNvSpPr/>
            <p:nvPr/>
          </p:nvSpPr>
          <p:spPr>
            <a:xfrm>
              <a:off x="630670" y="2139643"/>
              <a:ext cx="1401316" cy="557597"/>
            </a:xfrm>
            <a:prstGeom prst="roundRect">
              <a:avLst>
                <a:gd name="adj" fmla="val 8198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rgbClr val="002060"/>
                  </a:solidFill>
                </a:rPr>
                <a:t>Service connections</a:t>
              </a:r>
              <a:endParaRPr lang="en-CA" sz="1588">
                <a:solidFill>
                  <a:srgbClr val="002060"/>
                </a:solidFill>
              </a:endParaRPr>
            </a:p>
          </p:txBody>
        </p: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B695190D-D8A9-6493-2FBA-ADEF57F36DBA}"/>
                </a:ext>
              </a:extLst>
            </p:cNvPr>
            <p:cNvGrpSpPr/>
            <p:nvPr/>
          </p:nvGrpSpPr>
          <p:grpSpPr>
            <a:xfrm>
              <a:off x="612851" y="2793422"/>
              <a:ext cx="1401316" cy="3114777"/>
              <a:chOff x="2261708" y="3137024"/>
              <a:chExt cx="1401316" cy="3114777"/>
            </a:xfrm>
          </p:grpSpPr>
          <p:sp>
            <p:nvSpPr>
              <p:cNvPr id="7" name="Rectangle: Rounded Corners 6">
                <a:extLst>
                  <a:ext uri="{FF2B5EF4-FFF2-40B4-BE49-F238E27FC236}">
                    <a16:creationId xmlns:a16="http://schemas.microsoft.com/office/drawing/2014/main" id="{2A75725D-5478-C3EA-E75A-84218494C7D1}"/>
                  </a:ext>
                </a:extLst>
              </p:cNvPr>
              <p:cNvSpPr/>
              <p:nvPr/>
            </p:nvSpPr>
            <p:spPr>
              <a:xfrm>
                <a:off x="2261708" y="3137024"/>
                <a:ext cx="1401316" cy="2143227"/>
              </a:xfrm>
              <a:prstGeom prst="roundRect">
                <a:avLst>
                  <a:gd name="adj" fmla="val 6600"/>
                </a:avLst>
              </a:prstGeom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tx1"/>
                </a:solidFill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endParaRPr lang="en-CA" sz="1588">
                  <a:solidFill>
                    <a:schemeClr val="tx1"/>
                  </a:solidFill>
                </a:endParaRPr>
              </a:p>
            </p:txBody>
          </p:sp>
          <p:sp>
            <p:nvSpPr>
              <p:cNvPr id="8" name="Rectangle: Rounded Corners 7">
                <a:extLst>
                  <a:ext uri="{FF2B5EF4-FFF2-40B4-BE49-F238E27FC236}">
                    <a16:creationId xmlns:a16="http://schemas.microsoft.com/office/drawing/2014/main" id="{2AA6DDD1-5E2E-5405-155C-A252EF0A3852}"/>
                  </a:ext>
                </a:extLst>
              </p:cNvPr>
              <p:cNvSpPr/>
              <p:nvPr/>
            </p:nvSpPr>
            <p:spPr>
              <a:xfrm>
                <a:off x="2261708" y="5358487"/>
                <a:ext cx="1401316" cy="893314"/>
              </a:xfrm>
              <a:prstGeom prst="roundRect">
                <a:avLst>
                  <a:gd name="adj" fmla="val 6600"/>
                </a:avLst>
              </a:prstGeom>
              <a:noFill/>
              <a:ln>
                <a:solidFill>
                  <a:schemeClr val="tx1"/>
                </a:solidFill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Front end</a:t>
                </a:r>
              </a:p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+ </a:t>
                </a:r>
              </a:p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Target</a:t>
                </a:r>
                <a:endParaRPr lang="en-CA" sz="1588">
                  <a:solidFill>
                    <a:schemeClr val="tx1"/>
                  </a:solidFill>
                </a:endParaRPr>
              </a:p>
            </p:txBody>
          </p:sp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52083479-8822-C30E-EA7E-3B01A5C7CACF}"/>
                  </a:ext>
                </a:extLst>
              </p:cNvPr>
              <p:cNvSpPr txBox="1"/>
              <p:nvPr/>
            </p:nvSpPr>
            <p:spPr>
              <a:xfrm>
                <a:off x="2392306" y="3190023"/>
                <a:ext cx="1175757" cy="338554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tx1"/>
                    </a:solidFill>
                  </a:rPr>
                  <a:t>Shielding</a:t>
                </a:r>
                <a:endParaRPr lang="en-CA" sz="16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11" name="Rectangle: Rounded Corners 10">
              <a:extLst>
                <a:ext uri="{FF2B5EF4-FFF2-40B4-BE49-F238E27FC236}">
                  <a16:creationId xmlns:a16="http://schemas.microsoft.com/office/drawing/2014/main" id="{67F9CFB8-DEDF-E9C7-F98D-75D2DAB786E8}"/>
                </a:ext>
              </a:extLst>
            </p:cNvPr>
            <p:cNvSpPr/>
            <p:nvPr/>
          </p:nvSpPr>
          <p:spPr>
            <a:xfrm>
              <a:off x="481867" y="4977743"/>
              <a:ext cx="1661904" cy="995897"/>
            </a:xfrm>
            <a:prstGeom prst="roundRect">
              <a:avLst>
                <a:gd name="adj" fmla="val 8198"/>
              </a:avLst>
            </a:prstGeom>
            <a:noFill/>
            <a:ln w="19050">
              <a:solidFill>
                <a:srgbClr val="00B05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rgbClr val="002060"/>
                </a:solidFill>
              </a:endParaRP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A99FE199-E2CB-063C-76ED-D07C28AB13B5}"/>
                </a:ext>
              </a:extLst>
            </p:cNvPr>
            <p:cNvSpPr txBox="1"/>
            <p:nvPr/>
          </p:nvSpPr>
          <p:spPr>
            <a:xfrm>
              <a:off x="197987" y="6257783"/>
              <a:ext cx="189431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rgbClr val="00B050"/>
                  </a:solidFill>
                </a:rPr>
                <a:t>Vacuum volume</a:t>
              </a:r>
              <a:endParaRPr lang="en-CA" sz="1600">
                <a:solidFill>
                  <a:srgbClr val="00B050"/>
                </a:solidFill>
              </a:endParaRPr>
            </a:p>
          </p:txBody>
        </p: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242D11DC-DF84-3725-CB52-F539ACA8258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1532" y="5996266"/>
              <a:ext cx="381287" cy="354010"/>
            </a:xfrm>
            <a:prstGeom prst="line">
              <a:avLst/>
            </a:prstGeom>
            <a:ln w="19050">
              <a:solidFill>
                <a:srgbClr val="00B050"/>
              </a:solidFill>
              <a:prstDash val="lg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Rectangle: Rounded Corners 13">
              <a:extLst>
                <a:ext uri="{FF2B5EF4-FFF2-40B4-BE49-F238E27FC236}">
                  <a16:creationId xmlns:a16="http://schemas.microsoft.com/office/drawing/2014/main" id="{AEB1B6C4-779B-89D2-AB16-C28E4EEFFA23}"/>
                </a:ext>
              </a:extLst>
            </p:cNvPr>
            <p:cNvSpPr/>
            <p:nvPr/>
          </p:nvSpPr>
          <p:spPr>
            <a:xfrm>
              <a:off x="930726" y="2739544"/>
              <a:ext cx="544884" cy="2236389"/>
            </a:xfrm>
            <a:prstGeom prst="roundRect">
              <a:avLst>
                <a:gd name="adj" fmla="val 8198"/>
              </a:avLst>
            </a:prstGeom>
            <a:noFill/>
            <a:ln w="19050">
              <a:solidFill>
                <a:srgbClr val="00B05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rgbClr val="002060"/>
                </a:solidFill>
              </a:endParaRPr>
            </a:p>
          </p:txBody>
        </p:sp>
      </p:grpSp>
      <p:pic>
        <p:nvPicPr>
          <p:cNvPr id="15" name="Picture 14">
            <a:extLst>
              <a:ext uri="{FF2B5EF4-FFF2-40B4-BE49-F238E27FC236}">
                <a16:creationId xmlns:a16="http://schemas.microsoft.com/office/drawing/2014/main" id="{50D47CD2-8695-4F52-DB49-CA1930FB971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97730" y="1144884"/>
            <a:ext cx="2430771" cy="5057775"/>
          </a:xfrm>
          <a:prstGeom prst="rect">
            <a:avLst/>
          </a:prstGeom>
        </p:spPr>
      </p:pic>
      <p:sp>
        <p:nvSpPr>
          <p:cNvPr id="2053" name="TextBox 2052">
            <a:extLst>
              <a:ext uri="{FF2B5EF4-FFF2-40B4-BE49-F238E27FC236}">
                <a16:creationId xmlns:a16="http://schemas.microsoft.com/office/drawing/2014/main" id="{81DED165-A839-A69C-2006-CB26C228E86A}"/>
              </a:ext>
            </a:extLst>
          </p:cNvPr>
          <p:cNvSpPr txBox="1"/>
          <p:nvPr/>
        </p:nvSpPr>
        <p:spPr>
          <a:xfrm>
            <a:off x="141857" y="6330626"/>
            <a:ext cx="500323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All services routed within tall </a:t>
            </a:r>
            <a:r>
              <a:rPr lang="en-US" sz="1800">
                <a:solidFill>
                  <a:srgbClr val="00B050"/>
                </a:solidFill>
              </a:rPr>
              <a:t>vacuum volume</a:t>
            </a:r>
            <a:endParaRPr lang="en-CA">
              <a:solidFill>
                <a:srgbClr val="00B050"/>
              </a:solidFill>
            </a:endParaRPr>
          </a:p>
        </p:txBody>
      </p:sp>
      <p:sp>
        <p:nvSpPr>
          <p:cNvPr id="2054" name="TextBox 2053">
            <a:extLst>
              <a:ext uri="{FF2B5EF4-FFF2-40B4-BE49-F238E27FC236}">
                <a16:creationId xmlns:a16="http://schemas.microsoft.com/office/drawing/2014/main" id="{749CF588-EEAC-DE9D-7225-485517A71A34}"/>
              </a:ext>
            </a:extLst>
          </p:cNvPr>
          <p:cNvSpPr txBox="1"/>
          <p:nvPr/>
        </p:nvSpPr>
        <p:spPr>
          <a:xfrm>
            <a:off x="8257309" y="6325107"/>
            <a:ext cx="345569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>
                <a:solidFill>
                  <a:schemeClr val="tx1"/>
                </a:solidFill>
              </a:rPr>
              <a:t>All services routed in </a:t>
            </a:r>
            <a:r>
              <a:rPr lang="en-US" sz="1800">
                <a:solidFill>
                  <a:srgbClr val="7030A0"/>
                </a:solidFill>
              </a:rPr>
              <a:t>GN</a:t>
            </a:r>
            <a:r>
              <a:rPr lang="en-US" sz="1800" baseline="-25000">
                <a:solidFill>
                  <a:srgbClr val="7030A0"/>
                </a:solidFill>
              </a:rPr>
              <a:t>2</a:t>
            </a:r>
            <a:endParaRPr lang="en-CA" baseline="-25000">
              <a:solidFill>
                <a:srgbClr val="7030A0"/>
              </a:solidFill>
            </a:endParaRPr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B9DB7FCE-A140-4D97-606C-956BC30EA819}"/>
              </a:ext>
            </a:extLst>
          </p:cNvPr>
          <p:cNvSpPr/>
          <p:nvPr/>
        </p:nvSpPr>
        <p:spPr>
          <a:xfrm rot="20911435">
            <a:off x="3169227" y="1040736"/>
            <a:ext cx="1634959" cy="897319"/>
          </a:xfrm>
          <a:prstGeom prst="roundRect">
            <a:avLst>
              <a:gd name="adj" fmla="val 8198"/>
            </a:avLst>
          </a:prstGeom>
          <a:noFill/>
          <a:ln w="38100"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B17F2B2B-8D81-2F58-0D47-A8D7F5DB679B}"/>
              </a:ext>
            </a:extLst>
          </p:cNvPr>
          <p:cNvSpPr/>
          <p:nvPr/>
        </p:nvSpPr>
        <p:spPr>
          <a:xfrm>
            <a:off x="10374658" y="1066488"/>
            <a:ext cx="676913" cy="727459"/>
          </a:xfrm>
          <a:prstGeom prst="roundRect">
            <a:avLst>
              <a:gd name="adj" fmla="val 8198"/>
            </a:avLst>
          </a:prstGeom>
          <a:noFill/>
          <a:ln w="38100"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B40F6E0C-F51C-6FC5-392C-B6EEFB36D5A6}"/>
              </a:ext>
            </a:extLst>
          </p:cNvPr>
          <p:cNvSpPr/>
          <p:nvPr/>
        </p:nvSpPr>
        <p:spPr>
          <a:xfrm rot="20839803">
            <a:off x="11208523" y="1328068"/>
            <a:ext cx="676913" cy="727459"/>
          </a:xfrm>
          <a:prstGeom prst="roundRect">
            <a:avLst>
              <a:gd name="adj" fmla="val 8198"/>
            </a:avLst>
          </a:prstGeom>
          <a:noFill/>
          <a:ln w="38100"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4DEFCD04-057C-D4F2-23F6-633E59355205}"/>
              </a:ext>
            </a:extLst>
          </p:cNvPr>
          <p:cNvCxnSpPr>
            <a:cxnSpLocks/>
          </p:cNvCxnSpPr>
          <p:nvPr/>
        </p:nvCxnSpPr>
        <p:spPr>
          <a:xfrm>
            <a:off x="8078710" y="4412659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7AE60EF1-5A1A-511B-990B-58A0D516BF83}"/>
              </a:ext>
            </a:extLst>
          </p:cNvPr>
          <p:cNvCxnSpPr>
            <a:cxnSpLocks/>
          </p:cNvCxnSpPr>
          <p:nvPr/>
        </p:nvCxnSpPr>
        <p:spPr>
          <a:xfrm>
            <a:off x="8799435" y="4410558"/>
            <a:ext cx="0" cy="169075"/>
          </a:xfrm>
          <a:prstGeom prst="line">
            <a:avLst/>
          </a:prstGeom>
          <a:ln w="38100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Rectangle: Rounded Corners 28">
            <a:extLst>
              <a:ext uri="{FF2B5EF4-FFF2-40B4-BE49-F238E27FC236}">
                <a16:creationId xmlns:a16="http://schemas.microsoft.com/office/drawing/2014/main" id="{86D9DC13-AFD3-9449-B515-D89406483C24}"/>
              </a:ext>
            </a:extLst>
          </p:cNvPr>
          <p:cNvSpPr/>
          <p:nvPr/>
        </p:nvSpPr>
        <p:spPr>
          <a:xfrm>
            <a:off x="7605408" y="4490401"/>
            <a:ext cx="1671942" cy="1057832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7030A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31" name="Rectangle: Rounded Corners 30">
            <a:extLst>
              <a:ext uri="{FF2B5EF4-FFF2-40B4-BE49-F238E27FC236}">
                <a16:creationId xmlns:a16="http://schemas.microsoft.com/office/drawing/2014/main" id="{7170AA90-0D4C-EB02-E90A-D6777617BFF3}"/>
              </a:ext>
            </a:extLst>
          </p:cNvPr>
          <p:cNvSpPr/>
          <p:nvPr/>
        </p:nvSpPr>
        <p:spPr>
          <a:xfrm>
            <a:off x="9750652" y="4445260"/>
            <a:ext cx="2110342" cy="1767488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7030A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2069" name="Rectangle: Rounded Corners 2068">
            <a:extLst>
              <a:ext uri="{FF2B5EF4-FFF2-40B4-BE49-F238E27FC236}">
                <a16:creationId xmlns:a16="http://schemas.microsoft.com/office/drawing/2014/main" id="{355A9D70-3B47-8222-8DAD-C0E1EB8A031F}"/>
              </a:ext>
            </a:extLst>
          </p:cNvPr>
          <p:cNvSpPr/>
          <p:nvPr/>
        </p:nvSpPr>
        <p:spPr>
          <a:xfrm>
            <a:off x="10383434" y="5083320"/>
            <a:ext cx="582917" cy="583785"/>
          </a:xfrm>
          <a:prstGeom prst="roundRect">
            <a:avLst>
              <a:gd name="adj" fmla="val 8198"/>
            </a:avLst>
          </a:prstGeom>
          <a:noFill/>
          <a:ln w="19050">
            <a:solidFill>
              <a:srgbClr val="00B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CA" sz="1588">
              <a:solidFill>
                <a:srgbClr val="002060"/>
              </a:solidFill>
            </a:endParaRP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00590312-8AFA-3987-07A7-E0FF8524A7F4}"/>
              </a:ext>
            </a:extLst>
          </p:cNvPr>
          <p:cNvGrpSpPr/>
          <p:nvPr/>
        </p:nvGrpSpPr>
        <p:grpSpPr>
          <a:xfrm>
            <a:off x="7683560" y="1613552"/>
            <a:ext cx="2699874" cy="4467921"/>
            <a:chOff x="7887681" y="2434103"/>
            <a:chExt cx="2699874" cy="4467921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B9091900-3CFF-487F-6DC9-3B7DAAD2DCDF}"/>
                </a:ext>
              </a:extLst>
            </p:cNvPr>
            <p:cNvSpPr/>
            <p:nvPr/>
          </p:nvSpPr>
          <p:spPr>
            <a:xfrm>
              <a:off x="7972805" y="2434103"/>
              <a:ext cx="1401316" cy="557597"/>
            </a:xfrm>
            <a:prstGeom prst="roundRect">
              <a:avLst>
                <a:gd name="adj" fmla="val 8198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588">
                  <a:solidFill>
                    <a:srgbClr val="002060"/>
                  </a:solidFill>
                </a:rPr>
                <a:t>Service connections</a:t>
              </a:r>
              <a:endParaRPr lang="en-CA" sz="1588">
                <a:solidFill>
                  <a:srgbClr val="002060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71008CE4-9123-663E-6905-94FD50F64410}"/>
                </a:ext>
              </a:extLst>
            </p:cNvPr>
            <p:cNvGrpSpPr/>
            <p:nvPr/>
          </p:nvGrpSpPr>
          <p:grpSpPr>
            <a:xfrm>
              <a:off x="7954986" y="3087882"/>
              <a:ext cx="1401316" cy="3114777"/>
              <a:chOff x="2261708" y="3137024"/>
              <a:chExt cx="1401316" cy="3114777"/>
            </a:xfrm>
          </p:grpSpPr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98CDCCE1-47D0-3530-5682-776482C56EBC}"/>
                  </a:ext>
                </a:extLst>
              </p:cNvPr>
              <p:cNvSpPr/>
              <p:nvPr/>
            </p:nvSpPr>
            <p:spPr>
              <a:xfrm>
                <a:off x="2261708" y="3137024"/>
                <a:ext cx="1401316" cy="2143227"/>
              </a:xfrm>
              <a:prstGeom prst="roundRect">
                <a:avLst>
                  <a:gd name="adj" fmla="val 6600"/>
                </a:avLst>
              </a:prstGeom>
              <a:solidFill>
                <a:schemeClr val="tx1">
                  <a:lumMod val="50000"/>
                  <a:lumOff val="50000"/>
                </a:schemeClr>
              </a:solidFill>
              <a:ln>
                <a:solidFill>
                  <a:schemeClr val="tx1"/>
                </a:solidFill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endParaRPr lang="en-CA" sz="1588">
                  <a:solidFill>
                    <a:schemeClr val="tx1"/>
                  </a:solidFill>
                </a:endParaRPr>
              </a:p>
            </p:txBody>
          </p:sp>
          <p:sp>
            <p:nvSpPr>
              <p:cNvPr id="22" name="Rectangle: Rounded Corners 21">
                <a:extLst>
                  <a:ext uri="{FF2B5EF4-FFF2-40B4-BE49-F238E27FC236}">
                    <a16:creationId xmlns:a16="http://schemas.microsoft.com/office/drawing/2014/main" id="{6678C87B-AE3F-EB14-1BE8-4E2022938151}"/>
                  </a:ext>
                </a:extLst>
              </p:cNvPr>
              <p:cNvSpPr/>
              <p:nvPr/>
            </p:nvSpPr>
            <p:spPr>
              <a:xfrm>
                <a:off x="2261708" y="5358487"/>
                <a:ext cx="1401316" cy="893314"/>
              </a:xfrm>
              <a:prstGeom prst="roundRect">
                <a:avLst>
                  <a:gd name="adj" fmla="val 6600"/>
                </a:avLst>
              </a:prstGeom>
              <a:noFill/>
              <a:ln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Front end</a:t>
                </a:r>
              </a:p>
              <a:p>
                <a:pPr algn="ctr"/>
                <a:r>
                  <a:rPr lang="en-US" sz="1588">
                    <a:solidFill>
                      <a:schemeClr val="tx1"/>
                    </a:solidFill>
                  </a:rPr>
                  <a:t>+ </a:t>
                </a:r>
              </a:p>
            </p:txBody>
          </p:sp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9EAFCD73-7EAD-422D-516E-2EB6338AF793}"/>
                  </a:ext>
                </a:extLst>
              </p:cNvPr>
              <p:cNvSpPr txBox="1"/>
              <p:nvPr/>
            </p:nvSpPr>
            <p:spPr>
              <a:xfrm>
                <a:off x="2392306" y="3190023"/>
                <a:ext cx="1175757" cy="338554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tx1"/>
                    </a:solidFill>
                  </a:rPr>
                  <a:t>Shielding</a:t>
                </a:r>
                <a:endParaRPr lang="en-CA" sz="16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25" name="Rectangle: Rounded Corners 24">
              <a:extLst>
                <a:ext uri="{FF2B5EF4-FFF2-40B4-BE49-F238E27FC236}">
                  <a16:creationId xmlns:a16="http://schemas.microsoft.com/office/drawing/2014/main" id="{199A22AF-55B8-38A2-B46A-1FBCFB600E19}"/>
                </a:ext>
              </a:extLst>
            </p:cNvPr>
            <p:cNvSpPr/>
            <p:nvPr/>
          </p:nvSpPr>
          <p:spPr>
            <a:xfrm>
              <a:off x="8204703" y="5850008"/>
              <a:ext cx="890796" cy="279400"/>
            </a:xfrm>
            <a:prstGeom prst="roundRect">
              <a:avLst>
                <a:gd name="adj" fmla="val 8198"/>
              </a:avLst>
            </a:prstGeom>
            <a:noFill/>
            <a:ln w="19050">
              <a:solidFill>
                <a:srgbClr val="00B05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CA" sz="1588">
                <a:solidFill>
                  <a:srgbClr val="002060"/>
                </a:solidFill>
              </a:endParaRP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D7F6F876-5B72-ADF9-60E0-A49DC0C10302}"/>
                </a:ext>
              </a:extLst>
            </p:cNvPr>
            <p:cNvSpPr txBox="1"/>
            <p:nvPr/>
          </p:nvSpPr>
          <p:spPr>
            <a:xfrm>
              <a:off x="7887681" y="6563470"/>
              <a:ext cx="1894317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600">
                  <a:solidFill>
                    <a:srgbClr val="00B050"/>
                  </a:solidFill>
                </a:rPr>
                <a:t>Vacuum volume</a:t>
              </a:r>
              <a:endParaRPr lang="en-CA" sz="1600">
                <a:solidFill>
                  <a:srgbClr val="00B050"/>
                </a:solidFill>
              </a:endParaRPr>
            </a:p>
          </p:txBody>
        </p: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39642ACC-895F-123F-A679-CF69B618864B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615086" y="6152833"/>
              <a:ext cx="40558" cy="466587"/>
            </a:xfrm>
            <a:prstGeom prst="line">
              <a:avLst/>
            </a:prstGeom>
            <a:ln w="19050">
              <a:solidFill>
                <a:srgbClr val="00B050"/>
              </a:solidFill>
              <a:prstDash val="lg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628CD215-9D81-BB16-FFD6-69B05DE3F3E8}"/>
                </a:ext>
              </a:extLst>
            </p:cNvPr>
            <p:cNvSpPr txBox="1"/>
            <p:nvPr/>
          </p:nvSpPr>
          <p:spPr>
            <a:xfrm>
              <a:off x="8226558" y="5780520"/>
              <a:ext cx="847508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800">
                  <a:solidFill>
                    <a:schemeClr val="tx1"/>
                  </a:solidFill>
                </a:rPr>
                <a:t>Target</a:t>
              </a:r>
              <a:endParaRPr lang="en-CA" sz="1800">
                <a:solidFill>
                  <a:schemeClr val="tx1"/>
                </a:solidFill>
              </a:endParaRPr>
            </a:p>
          </p:txBody>
        </p:sp>
        <p:cxnSp>
          <p:nvCxnSpPr>
            <p:cNvPr id="2063" name="Straight Connector 2062">
              <a:extLst>
                <a:ext uri="{FF2B5EF4-FFF2-40B4-BE49-F238E27FC236}">
                  <a16:creationId xmlns:a16="http://schemas.microsoft.com/office/drawing/2014/main" id="{436054AA-4980-2646-81D3-E54FA7A1266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57671" y="6315018"/>
              <a:ext cx="1029884" cy="297045"/>
            </a:xfrm>
            <a:prstGeom prst="line">
              <a:avLst/>
            </a:prstGeom>
            <a:ln w="19050">
              <a:solidFill>
                <a:srgbClr val="00B050"/>
              </a:solidFill>
              <a:prstDash val="lg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330048409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7EA52A1-5DE8-B45B-1D13-13CE45E5780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3" name="Picture 42">
            <a:extLst>
              <a:ext uri="{FF2B5EF4-FFF2-40B4-BE49-F238E27FC236}">
                <a16:creationId xmlns:a16="http://schemas.microsoft.com/office/drawing/2014/main" id="{0702ABB0-1503-67B3-E289-E1CE5FDF448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91765" y="0"/>
            <a:ext cx="2797606" cy="6457949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3F14EB8-5A29-6703-25DC-0AD0233896E0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RIEL target module – services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1D4B330-B59F-8EC7-F755-D9D5AF3CA6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68328" y="6535374"/>
            <a:ext cx="418401" cy="287701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29</a:t>
            </a:fld>
            <a:endParaRPr lang="en-US"/>
          </a:p>
        </p:txBody>
      </p:sp>
      <p:sp>
        <p:nvSpPr>
          <p:cNvPr id="33" name="Content Placeholder 3">
            <a:extLst>
              <a:ext uri="{FF2B5EF4-FFF2-40B4-BE49-F238E27FC236}">
                <a16:creationId xmlns:a16="http://schemas.microsoft.com/office/drawing/2014/main" id="{7E3A6481-8530-18B7-47AF-47F632F8C714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189082" y="815934"/>
            <a:ext cx="6792743" cy="3201416"/>
          </a:xfrm>
        </p:spPr>
        <p:txBody>
          <a:bodyPr/>
          <a:lstStyle/>
          <a:p>
            <a:r>
              <a:rPr lang="en-CA" sz="1800"/>
              <a:t>Ground services: roughing line, water cooling</a:t>
            </a:r>
          </a:p>
          <a:p>
            <a:r>
              <a:rPr lang="en-CA" sz="1800"/>
              <a:t>Actuation: GND electrode movement, Gate Valves (x2)</a:t>
            </a:r>
          </a:p>
          <a:p>
            <a:r>
              <a:rPr lang="en-CA" sz="1800"/>
              <a:t>High Voltage Feed Through (HVFT)</a:t>
            </a:r>
          </a:p>
          <a:p>
            <a:r>
              <a:rPr lang="en-CA" sz="1800"/>
              <a:t>Front End: </a:t>
            </a:r>
          </a:p>
          <a:p>
            <a:pPr lvl="1"/>
            <a:r>
              <a:rPr lang="en-CA" sz="1600"/>
              <a:t>Beam lines connections</a:t>
            </a:r>
          </a:p>
          <a:p>
            <a:pPr lvl="1"/>
            <a:r>
              <a:rPr lang="en-CA" sz="1600"/>
              <a:t>Structural supports (HV breaks)</a:t>
            </a:r>
          </a:p>
          <a:p>
            <a:pPr lvl="1"/>
            <a:r>
              <a:rPr lang="en-CA" sz="1600"/>
              <a:t>“Last meter” service delivery</a:t>
            </a:r>
          </a:p>
          <a:p>
            <a:pPr lvl="1"/>
            <a:r>
              <a:rPr lang="en-CA" sz="1600"/>
              <a:t>Pneumatic target vessel engagement mechanism</a:t>
            </a:r>
          </a:p>
          <a:p>
            <a:r>
              <a:rPr lang="en-CA" sz="1800"/>
              <a:t>Hermetic Target Vessel (HTV)</a:t>
            </a:r>
          </a:p>
          <a:p>
            <a:pPr marL="0" indent="0">
              <a:buNone/>
            </a:pPr>
            <a:endParaRPr lang="en-CA" sz="1800"/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BB5D77CA-ED92-8C85-3C0F-82913E9EBF39}"/>
              </a:ext>
            </a:extLst>
          </p:cNvPr>
          <p:cNvSpPr/>
          <p:nvPr/>
        </p:nvSpPr>
        <p:spPr>
          <a:xfrm>
            <a:off x="11384545" y="1"/>
            <a:ext cx="618373" cy="4157632"/>
          </a:xfrm>
          <a:prstGeom prst="rect">
            <a:avLst/>
          </a:prstGeom>
          <a:solidFill>
            <a:srgbClr val="ED7D31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A0FA81ED-5874-8B61-C1DF-80CD032CF8F4}"/>
              </a:ext>
            </a:extLst>
          </p:cNvPr>
          <p:cNvSpPr/>
          <p:nvPr/>
        </p:nvSpPr>
        <p:spPr>
          <a:xfrm>
            <a:off x="10720647" y="0"/>
            <a:ext cx="663898" cy="4157632"/>
          </a:xfrm>
          <a:prstGeom prst="rect">
            <a:avLst/>
          </a:prstGeom>
          <a:solidFill>
            <a:schemeClr val="accent1">
              <a:lumMod val="50000"/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820FA41D-F3FC-601C-D073-9A12AA921DC4}"/>
              </a:ext>
            </a:extLst>
          </p:cNvPr>
          <p:cNvSpPr/>
          <p:nvPr/>
        </p:nvSpPr>
        <p:spPr>
          <a:xfrm>
            <a:off x="10056747" y="0"/>
            <a:ext cx="663899" cy="4245950"/>
          </a:xfrm>
          <a:prstGeom prst="rect">
            <a:avLst/>
          </a:prstGeom>
          <a:solidFill>
            <a:schemeClr val="accent6">
              <a:lumMod val="50000"/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2DCB7B1A-EB48-AF8D-92B0-6F66605288C6}"/>
              </a:ext>
            </a:extLst>
          </p:cNvPr>
          <p:cNvSpPr/>
          <p:nvPr/>
        </p:nvSpPr>
        <p:spPr>
          <a:xfrm>
            <a:off x="9224250" y="3611880"/>
            <a:ext cx="2797606" cy="2900689"/>
          </a:xfrm>
          <a:prstGeom prst="rect">
            <a:avLst/>
          </a:prstGeom>
          <a:noFill/>
          <a:ln w="28575">
            <a:solidFill>
              <a:srgbClr val="009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D71668F7-FDE2-D02C-5C2A-BFB76BA35691}"/>
              </a:ext>
            </a:extLst>
          </p:cNvPr>
          <p:cNvSpPr/>
          <p:nvPr/>
        </p:nvSpPr>
        <p:spPr>
          <a:xfrm>
            <a:off x="5219699" y="815934"/>
            <a:ext cx="323851" cy="336591"/>
          </a:xfrm>
          <a:prstGeom prst="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4B60D215-5002-6E80-7F03-8F285140D03F}"/>
              </a:ext>
            </a:extLst>
          </p:cNvPr>
          <p:cNvSpPr/>
          <p:nvPr/>
        </p:nvSpPr>
        <p:spPr>
          <a:xfrm>
            <a:off x="6207339" y="1190625"/>
            <a:ext cx="323851" cy="33659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AAD1FC24-665F-3C09-E347-0F32AD633A78}"/>
              </a:ext>
            </a:extLst>
          </p:cNvPr>
          <p:cNvSpPr/>
          <p:nvPr/>
        </p:nvSpPr>
        <p:spPr>
          <a:xfrm>
            <a:off x="4378539" y="1565316"/>
            <a:ext cx="323851" cy="336591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C5B75E6C-98F7-781C-06D6-29338ED1D169}"/>
              </a:ext>
            </a:extLst>
          </p:cNvPr>
          <p:cNvSpPr/>
          <p:nvPr/>
        </p:nvSpPr>
        <p:spPr>
          <a:xfrm>
            <a:off x="1657014" y="1901907"/>
            <a:ext cx="323851" cy="336591"/>
          </a:xfrm>
          <a:prstGeom prst="rect">
            <a:avLst/>
          </a:prstGeom>
          <a:noFill/>
          <a:ln w="28575">
            <a:solidFill>
              <a:srgbClr val="009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val 43">
            <a:extLst>
              <a:ext uri="{FF2B5EF4-FFF2-40B4-BE49-F238E27FC236}">
                <a16:creationId xmlns:a16="http://schemas.microsoft.com/office/drawing/2014/main" id="{C18B699C-E203-FAEC-A844-76F4643D8C2D}"/>
              </a:ext>
            </a:extLst>
          </p:cNvPr>
          <p:cNvSpPr/>
          <p:nvPr/>
        </p:nvSpPr>
        <p:spPr>
          <a:xfrm>
            <a:off x="3767329" y="3465576"/>
            <a:ext cx="320040" cy="320040"/>
          </a:xfrm>
          <a:prstGeom prst="ellipse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5" name="Oval 44">
            <a:extLst>
              <a:ext uri="{FF2B5EF4-FFF2-40B4-BE49-F238E27FC236}">
                <a16:creationId xmlns:a16="http://schemas.microsoft.com/office/drawing/2014/main" id="{FC4F91C9-345D-568D-838D-71D8A43D2929}"/>
              </a:ext>
            </a:extLst>
          </p:cNvPr>
          <p:cNvSpPr/>
          <p:nvPr/>
        </p:nvSpPr>
        <p:spPr>
          <a:xfrm>
            <a:off x="10210388" y="4957068"/>
            <a:ext cx="808132" cy="810912"/>
          </a:xfrm>
          <a:prstGeom prst="ellipse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440A261-A1C5-9035-4C46-BD0058B80302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25602" b="20694"/>
          <a:stretch>
            <a:fillRect/>
          </a:stretch>
        </p:blipFill>
        <p:spPr>
          <a:xfrm>
            <a:off x="5904055" y="3611880"/>
            <a:ext cx="3059528" cy="2923494"/>
          </a:xfrm>
          <a:prstGeom prst="rect">
            <a:avLst/>
          </a:prstGeom>
        </p:spPr>
      </p:pic>
      <p:sp>
        <p:nvSpPr>
          <p:cNvPr id="4" name="Oval 3">
            <a:extLst>
              <a:ext uri="{FF2B5EF4-FFF2-40B4-BE49-F238E27FC236}">
                <a16:creationId xmlns:a16="http://schemas.microsoft.com/office/drawing/2014/main" id="{CB7805B4-F064-9D65-B7D5-9D648039065B}"/>
              </a:ext>
            </a:extLst>
          </p:cNvPr>
          <p:cNvSpPr/>
          <p:nvPr/>
        </p:nvSpPr>
        <p:spPr>
          <a:xfrm>
            <a:off x="7057815" y="4710924"/>
            <a:ext cx="571424" cy="581517"/>
          </a:xfrm>
          <a:prstGeom prst="ellipse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5130539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3" grpId="0" uiExpand="1" build="p"/>
      <p:bldP spid="34" grpId="0" animBg="1"/>
      <p:bldP spid="35" grpId="0" animBg="1"/>
      <p:bldP spid="36" grpId="0" animBg="1"/>
      <p:bldP spid="37" grpId="0" animBg="1"/>
      <p:bldP spid="38" grpId="0" animBg="1"/>
      <p:bldP spid="39" grpId="0" animBg="1"/>
      <p:bldP spid="40" grpId="0" animBg="1"/>
      <p:bldP spid="41" grpId="0" animBg="1"/>
      <p:bldP spid="44" grpId="0" animBg="1"/>
      <p:bldP spid="45" grpId="0" animBg="1"/>
      <p:bldP spid="4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D4D12892-54F5-6567-E12F-B1C2C14BE387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8037" r="27857"/>
          <a:stretch/>
        </p:blipFill>
        <p:spPr>
          <a:xfrm>
            <a:off x="6475956" y="-7637"/>
            <a:ext cx="5716044" cy="6865637"/>
          </a:xfrm>
          <a:prstGeom prst="rect">
            <a:avLst/>
          </a:prstGeo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4CC5E785-8D2A-C842-065D-29C12B800F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6538" y="306919"/>
            <a:ext cx="11214749" cy="521756"/>
          </a:xfrm>
        </p:spPr>
        <p:txBody>
          <a:bodyPr/>
          <a:lstStyle/>
          <a:p>
            <a:pPr algn="l"/>
            <a:r>
              <a:rPr lang="en-CA" b="1" dirty="0">
                <a:latin typeface="+mj-lt"/>
              </a:rPr>
              <a:t>TRIUMF’s Role in Canada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D6251652-1AD5-BE49-AB80-D8058D13D33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42067" y="1186290"/>
            <a:ext cx="5631846" cy="50144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17788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Layout of the TITAN facility including upgrades (MR-TOF-MS and CPET)... |  Download Scientific Diagram">
            <a:extLst>
              <a:ext uri="{FF2B5EF4-FFF2-40B4-BE49-F238E27FC236}">
                <a16:creationId xmlns:a16="http://schemas.microsoft.com/office/drawing/2014/main" id="{0A3EB51B-45A5-F561-459A-0007A888DE2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59083" y="1569060"/>
            <a:ext cx="1840789" cy="19301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9E5B297D-A53B-AF5E-5609-831E120D14F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Experimental hall – available hardware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E4F1546-52CB-047A-D0B6-35717FBF20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55760" y="585889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30</a:t>
            </a:fld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241E736-082A-D345-DC0D-57A45FC3C45A}"/>
              </a:ext>
            </a:extLst>
          </p:cNvPr>
          <p:cNvSpPr txBox="1"/>
          <p:nvPr/>
        </p:nvSpPr>
        <p:spPr>
          <a:xfrm>
            <a:off x="9125705" y="1386649"/>
            <a:ext cx="2677293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A" sz="1400">
                <a:latin typeface="+mj-lt"/>
                <a:cs typeface="Times New Roman" panose="02020603050405020304" pitchFamily="18" charset="0"/>
              </a:rPr>
              <a:t>TITAN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3086C982-02AE-1D4A-DBA1-B3F3C9738532}"/>
              </a:ext>
            </a:extLst>
          </p:cNvPr>
          <p:cNvGrpSpPr/>
          <p:nvPr/>
        </p:nvGrpSpPr>
        <p:grpSpPr>
          <a:xfrm>
            <a:off x="8929167" y="3681593"/>
            <a:ext cx="3070371" cy="2550258"/>
            <a:chOff x="473373" y="3701419"/>
            <a:chExt cx="3070371" cy="2550258"/>
          </a:xfrm>
        </p:grpSpPr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50A6AE57-14ED-5547-7769-E80818E9EBBA}"/>
                </a:ext>
              </a:extLst>
            </p:cNvPr>
            <p:cNvSpPr txBox="1"/>
            <p:nvPr/>
          </p:nvSpPr>
          <p:spPr>
            <a:xfrm>
              <a:off x="1186497" y="3701419"/>
              <a:ext cx="1840788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CA" sz="1400">
                  <a:latin typeface="+mj-lt"/>
                  <a:cs typeface="Times New Roman" panose="02020603050405020304" pitchFamily="18" charset="0"/>
                </a:rPr>
                <a:t>GRIFFIN</a:t>
              </a:r>
            </a:p>
          </p:txBody>
        </p:sp>
        <p:pic>
          <p:nvPicPr>
            <p:cNvPr id="1030" name="Picture 6" descr="GRIFFIN Collaboration - People">
              <a:extLst>
                <a:ext uri="{FF2B5EF4-FFF2-40B4-BE49-F238E27FC236}">
                  <a16:creationId xmlns:a16="http://schemas.microsoft.com/office/drawing/2014/main" id="{E73573A0-81C0-91C8-F4B0-E873502CEA4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73373" y="3948899"/>
              <a:ext cx="3070371" cy="230277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15" name="Content Placeholder 3">
            <a:extLst>
              <a:ext uri="{FF2B5EF4-FFF2-40B4-BE49-F238E27FC236}">
                <a16:creationId xmlns:a16="http://schemas.microsoft.com/office/drawing/2014/main" id="{FE32626B-C4A9-4906-2A14-C3638D9B77E7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344603" y="813903"/>
            <a:ext cx="5643510" cy="4076880"/>
          </a:xfrm>
        </p:spPr>
        <p:txBody>
          <a:bodyPr/>
          <a:lstStyle/>
          <a:p>
            <a:r>
              <a:rPr lang="en-CA" sz="1800"/>
              <a:t>Spectroscopy </a:t>
            </a:r>
            <a:r>
              <a:rPr lang="el-GR" sz="1800">
                <a:latin typeface="+mj-lt"/>
                <a:cs typeface="Times New Roman" panose="02020603050405020304" pitchFamily="18" charset="0"/>
              </a:rPr>
              <a:t>γ</a:t>
            </a:r>
            <a:r>
              <a:rPr lang="en-US" sz="1800">
                <a:latin typeface="+mj-lt"/>
                <a:cs typeface="Times New Roman" panose="02020603050405020304" pitchFamily="18" charset="0"/>
              </a:rPr>
              <a:t>, </a:t>
            </a:r>
            <a:r>
              <a:rPr lang="el-GR" sz="1800">
                <a:latin typeface="+mj-lt"/>
                <a:cs typeface="Times New Roman" panose="02020603050405020304" pitchFamily="18" charset="0"/>
              </a:rPr>
              <a:t>β</a:t>
            </a:r>
            <a:r>
              <a:rPr lang="en-US" sz="1800">
                <a:latin typeface="+mj-lt"/>
                <a:cs typeface="Times New Roman" panose="02020603050405020304" pitchFamily="18" charset="0"/>
              </a:rPr>
              <a:t>, n (GRIFFIN and DESCANT, </a:t>
            </a:r>
            <a:r>
              <a:rPr lang="en-US" sz="1800">
                <a:solidFill>
                  <a:srgbClr val="92D050"/>
                </a:solidFill>
                <a:latin typeface="+mj-lt"/>
                <a:cs typeface="Times New Roman" panose="02020603050405020304" pitchFamily="18" charset="0"/>
              </a:rPr>
              <a:t>LE</a:t>
            </a:r>
            <a:r>
              <a:rPr lang="en-US" sz="1800">
                <a:latin typeface="+mj-lt"/>
                <a:cs typeface="Times New Roman" panose="02020603050405020304" pitchFamily="18" charset="0"/>
              </a:rPr>
              <a:t>)</a:t>
            </a:r>
          </a:p>
          <a:p>
            <a:r>
              <a:rPr lang="en-US" sz="1800">
                <a:latin typeface="+mj-lt"/>
                <a:cs typeface="Times New Roman" panose="02020603050405020304" pitchFamily="18" charset="0"/>
              </a:rPr>
              <a:t>Precision mass measurements (TITAN, </a:t>
            </a:r>
            <a:r>
              <a:rPr lang="en-US" sz="1800">
                <a:solidFill>
                  <a:srgbClr val="92D050"/>
                </a:solidFill>
                <a:latin typeface="+mj-lt"/>
                <a:cs typeface="Times New Roman" panose="02020603050405020304" pitchFamily="18" charset="0"/>
              </a:rPr>
              <a:t>LE</a:t>
            </a:r>
            <a:r>
              <a:rPr lang="en-US" sz="1800">
                <a:latin typeface="+mj-lt"/>
                <a:cs typeface="Times New Roman" panose="02020603050405020304" pitchFamily="18" charset="0"/>
              </a:rPr>
              <a:t>)</a:t>
            </a:r>
          </a:p>
          <a:p>
            <a:r>
              <a:rPr lang="el-GR" sz="1800">
                <a:latin typeface="+mj-lt"/>
                <a:cs typeface="Times New Roman" panose="02020603050405020304" pitchFamily="18" charset="0"/>
              </a:rPr>
              <a:t>β</a:t>
            </a:r>
            <a:r>
              <a:rPr lang="en-US" sz="1800">
                <a:latin typeface="+mj-lt"/>
                <a:cs typeface="Times New Roman" panose="02020603050405020304" pitchFamily="18" charset="0"/>
              </a:rPr>
              <a:t>-NMR (</a:t>
            </a:r>
            <a:r>
              <a:rPr lang="en-US" sz="1800">
                <a:solidFill>
                  <a:srgbClr val="92D050"/>
                </a:solidFill>
                <a:latin typeface="+mj-lt"/>
                <a:cs typeface="Times New Roman" panose="02020603050405020304" pitchFamily="18" charset="0"/>
              </a:rPr>
              <a:t>LE</a:t>
            </a:r>
            <a:r>
              <a:rPr lang="en-US" sz="1800">
                <a:latin typeface="+mj-lt"/>
                <a:cs typeface="Times New Roman" panose="02020603050405020304" pitchFamily="18" charset="0"/>
              </a:rPr>
              <a:t>)</a:t>
            </a:r>
          </a:p>
          <a:p>
            <a:r>
              <a:rPr lang="en-CA" sz="1800">
                <a:latin typeface="+mj-lt"/>
              </a:rPr>
              <a:t>Atomic laser trap (TRINAT, </a:t>
            </a:r>
            <a:r>
              <a:rPr lang="en-CA" sz="1800">
                <a:solidFill>
                  <a:srgbClr val="92D050"/>
                </a:solidFill>
                <a:latin typeface="+mj-lt"/>
              </a:rPr>
              <a:t>LE</a:t>
            </a:r>
            <a:r>
              <a:rPr lang="en-CA" sz="1800">
                <a:latin typeface="+mj-lt"/>
              </a:rPr>
              <a:t>)</a:t>
            </a:r>
            <a:endParaRPr lang="en-CA" sz="1800"/>
          </a:p>
          <a:p>
            <a:r>
              <a:rPr lang="en-CA" sz="1800"/>
              <a:t>Recoil separator (DRAGON, </a:t>
            </a:r>
            <a:r>
              <a:rPr lang="en-CA" sz="1800">
                <a:solidFill>
                  <a:srgbClr val="FFC000"/>
                </a:solidFill>
              </a:rPr>
              <a:t>ME</a:t>
            </a:r>
            <a:r>
              <a:rPr lang="en-CA" sz="1800"/>
              <a:t>)</a:t>
            </a:r>
          </a:p>
          <a:p>
            <a:r>
              <a:rPr lang="en-CA" sz="1800"/>
              <a:t>Recoil detector (TUDA, </a:t>
            </a:r>
            <a:r>
              <a:rPr lang="en-CA" sz="1800">
                <a:solidFill>
                  <a:srgbClr val="FFC000"/>
                </a:solidFill>
              </a:rPr>
              <a:t>ME</a:t>
            </a:r>
            <a:r>
              <a:rPr lang="en-CA" sz="1800"/>
              <a:t>) </a:t>
            </a:r>
          </a:p>
          <a:p>
            <a:r>
              <a:rPr lang="en-CA" sz="1800"/>
              <a:t>Radiochemistry (ASPIRE, </a:t>
            </a:r>
            <a:r>
              <a:rPr lang="en-CA" sz="1800">
                <a:solidFill>
                  <a:srgbClr val="FFC000"/>
                </a:solidFill>
              </a:rPr>
              <a:t>ME</a:t>
            </a:r>
            <a:r>
              <a:rPr lang="en-CA" sz="1800"/>
              <a:t>)</a:t>
            </a:r>
          </a:p>
          <a:p>
            <a:r>
              <a:rPr lang="en-CA" sz="1800"/>
              <a:t>Gamma-ray spectrometer (TIGRESS, </a:t>
            </a:r>
            <a:r>
              <a:rPr lang="en-CA" sz="1800">
                <a:solidFill>
                  <a:srgbClr val="FF0000"/>
                </a:solidFill>
              </a:rPr>
              <a:t>HE</a:t>
            </a:r>
            <a:r>
              <a:rPr lang="en-CA" sz="1800"/>
              <a:t>)</a:t>
            </a:r>
          </a:p>
          <a:p>
            <a:r>
              <a:rPr lang="en-CA" sz="1800"/>
              <a:t>Recoil separator (EMMA, </a:t>
            </a:r>
            <a:r>
              <a:rPr lang="en-CA" sz="1800">
                <a:solidFill>
                  <a:srgbClr val="FF0000"/>
                </a:solidFill>
              </a:rPr>
              <a:t>HE</a:t>
            </a:r>
            <a:r>
              <a:rPr lang="en-CA" sz="1800"/>
              <a:t>)</a:t>
            </a:r>
          </a:p>
          <a:p>
            <a:r>
              <a:rPr lang="en-CA" sz="1800"/>
              <a:t>Recoil detector (IRIS, </a:t>
            </a:r>
            <a:r>
              <a:rPr lang="en-CA" sz="1800">
                <a:solidFill>
                  <a:srgbClr val="FF0000"/>
                </a:solidFill>
              </a:rPr>
              <a:t>HE</a:t>
            </a:r>
            <a:r>
              <a:rPr lang="en-CA" sz="1800"/>
              <a:t>)</a:t>
            </a:r>
          </a:p>
          <a:p>
            <a:endParaRPr lang="en-CA" sz="1800"/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E88EADF-9225-71C9-54A6-B469FB14921E}"/>
              </a:ext>
            </a:extLst>
          </p:cNvPr>
          <p:cNvGrpSpPr/>
          <p:nvPr/>
        </p:nvGrpSpPr>
        <p:grpSpPr>
          <a:xfrm>
            <a:off x="6096000" y="3700061"/>
            <a:ext cx="2657931" cy="2417278"/>
            <a:chOff x="6096000" y="4153066"/>
            <a:chExt cx="2657931" cy="2417278"/>
          </a:xfrm>
        </p:grpSpPr>
        <p:pic>
          <p:nvPicPr>
            <p:cNvPr id="1032" name="Picture 8" descr="Academics recreate supernova reaction in a lab">
              <a:extLst>
                <a:ext uri="{FF2B5EF4-FFF2-40B4-BE49-F238E27FC236}">
                  <a16:creationId xmlns:a16="http://schemas.microsoft.com/office/drawing/2014/main" id="{1FBDC3FA-8DD1-D108-5C7F-1EB32D8A9AD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1083"/>
            <a:stretch/>
          </p:blipFill>
          <p:spPr bwMode="auto">
            <a:xfrm>
              <a:off x="6096000" y="4391290"/>
              <a:ext cx="2657931" cy="217905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82420606-E788-6AB3-64C2-F4CA93B7C193}"/>
                </a:ext>
              </a:extLst>
            </p:cNvPr>
            <p:cNvSpPr txBox="1"/>
            <p:nvPr/>
          </p:nvSpPr>
          <p:spPr>
            <a:xfrm>
              <a:off x="6504571" y="4153066"/>
              <a:ext cx="1840788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CA" sz="1400">
                  <a:latin typeface="+mj-lt"/>
                  <a:cs typeface="Times New Roman" panose="02020603050405020304" pitchFamily="18" charset="0"/>
                </a:rPr>
                <a:t>TIGRESS + EMMA</a:t>
              </a:r>
            </a:p>
          </p:txBody>
        </p:sp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D24F852E-4F90-99C5-C6F1-D85509880302}"/>
              </a:ext>
            </a:extLst>
          </p:cNvPr>
          <p:cNvGrpSpPr/>
          <p:nvPr/>
        </p:nvGrpSpPr>
        <p:grpSpPr>
          <a:xfrm>
            <a:off x="6096000" y="1465151"/>
            <a:ext cx="2657931" cy="2025194"/>
            <a:chOff x="6096000" y="1965781"/>
            <a:chExt cx="2657931" cy="2025194"/>
          </a:xfrm>
        </p:grpSpPr>
        <p:pic>
          <p:nvPicPr>
            <p:cNvPr id="1034" name="Picture 10" descr="Beta-NMR finds new antiferromagnet behaviour | TRIUMF : Canada's particle  accelerator centre">
              <a:extLst>
                <a:ext uri="{FF2B5EF4-FFF2-40B4-BE49-F238E27FC236}">
                  <a16:creationId xmlns:a16="http://schemas.microsoft.com/office/drawing/2014/main" id="{E71F8515-8B46-920C-B5A1-BF48BEEF99A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096000" y="2219021"/>
              <a:ext cx="2657931" cy="177195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B1773459-DEA4-A8DE-4AE7-BEB5E9B23F12}"/>
                </a:ext>
              </a:extLst>
            </p:cNvPr>
            <p:cNvSpPr txBox="1"/>
            <p:nvPr/>
          </p:nvSpPr>
          <p:spPr>
            <a:xfrm>
              <a:off x="6497625" y="1965781"/>
              <a:ext cx="1840788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l-GR" sz="1400">
                  <a:latin typeface="+mj-lt"/>
                  <a:cs typeface="Times New Roman" panose="02020603050405020304" pitchFamily="18" charset="0"/>
                </a:rPr>
                <a:t>β</a:t>
              </a:r>
              <a:r>
                <a:rPr lang="en-US" sz="1400">
                  <a:latin typeface="+mj-lt"/>
                  <a:cs typeface="Times New Roman" panose="02020603050405020304" pitchFamily="18" charset="0"/>
                </a:rPr>
                <a:t>-NMR</a:t>
              </a:r>
              <a:endParaRPr lang="en-CA" sz="1400">
                <a:latin typeface="+mj-lt"/>
                <a:cs typeface="Times New Roman" panose="02020603050405020304" pitchFamily="18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700923343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CF6BBB6-ABAD-794A-0F20-DFC0E904AF83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HVFT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8CEE20D-A399-557B-D060-E1B8BB192E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76498" y="6492875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31</a:t>
            </a:fld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D326AB5-ADD2-47D8-621C-1AA68939564B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0" y="812168"/>
            <a:ext cx="6896100" cy="6045832"/>
          </a:xfrm>
        </p:spPr>
        <p:txBody>
          <a:bodyPr/>
          <a:lstStyle/>
          <a:p>
            <a:r>
              <a:rPr lang="en-CA" sz="1800"/>
              <a:t>Two concentric Al sheaths</a:t>
            </a:r>
          </a:p>
          <a:p>
            <a:pPr marL="457200" lvl="1" indent="0">
              <a:buNone/>
            </a:pPr>
            <a:r>
              <a:rPr lang="en-CA" sz="1400"/>
              <a:t>• inner held at HV</a:t>
            </a:r>
          </a:p>
          <a:p>
            <a:pPr marL="457200" lvl="1" indent="0">
              <a:buNone/>
            </a:pPr>
            <a:r>
              <a:rPr lang="en-CA" sz="1400"/>
              <a:t>• outer at GND</a:t>
            </a:r>
          </a:p>
          <a:p>
            <a:r>
              <a:rPr lang="en-CA" sz="1800"/>
              <a:t>Interior services held at HV: design voltage 75kV</a:t>
            </a:r>
          </a:p>
          <a:p>
            <a:pPr lvl="1"/>
            <a:r>
              <a:rPr lang="en-CA" sz="1400"/>
              <a:t>Bus bars Al 6101 T64 (biased up to 3kV): 1000A, 2400A</a:t>
            </a:r>
          </a:p>
          <a:p>
            <a:pPr lvl="1"/>
            <a:r>
              <a:rPr lang="en-CA" sz="1400"/>
              <a:t>Mass Markers: 6 (3 pairs) biased up to 3kV, and 80A</a:t>
            </a:r>
          </a:p>
          <a:p>
            <a:pPr lvl="1"/>
            <a:r>
              <a:rPr lang="en-CA" sz="1400"/>
              <a:t>Water conduits: 4</a:t>
            </a:r>
          </a:p>
          <a:p>
            <a:pPr lvl="1"/>
            <a:r>
              <a:rPr lang="en-CA" sz="1400"/>
              <a:t>Gas pipes: 2</a:t>
            </a:r>
          </a:p>
          <a:p>
            <a:pPr lvl="1"/>
            <a:r>
              <a:rPr lang="en-CA" sz="1400"/>
              <a:t>Air lines: 6</a:t>
            </a:r>
          </a:p>
          <a:p>
            <a:pPr lvl="2"/>
            <a:r>
              <a:rPr lang="en-CA" sz="1200"/>
              <a:t>Piston RIB in</a:t>
            </a:r>
          </a:p>
          <a:p>
            <a:pPr lvl="2"/>
            <a:r>
              <a:rPr lang="en-CA" sz="1200"/>
              <a:t>Piston RIB out</a:t>
            </a:r>
          </a:p>
          <a:p>
            <a:pPr lvl="2"/>
            <a:r>
              <a:rPr lang="en-CA" sz="1200"/>
              <a:t>Piston converter in</a:t>
            </a:r>
          </a:p>
          <a:p>
            <a:pPr lvl="2"/>
            <a:r>
              <a:rPr lang="en-CA" sz="1200"/>
              <a:t>Piston converter out</a:t>
            </a:r>
          </a:p>
          <a:p>
            <a:pPr lvl="2"/>
            <a:r>
              <a:rPr lang="en-CA" sz="1200"/>
              <a:t>RIB pillow inflation</a:t>
            </a:r>
          </a:p>
          <a:p>
            <a:pPr lvl="2"/>
            <a:r>
              <a:rPr lang="en-CA" sz="1200"/>
              <a:t>Driver pillow inflation</a:t>
            </a:r>
          </a:p>
          <a:p>
            <a:pPr lvl="1"/>
            <a:r>
              <a:rPr lang="en-CA" sz="1400"/>
              <a:t>Spare lines: 5</a:t>
            </a:r>
          </a:p>
          <a:p>
            <a:pPr lvl="1"/>
            <a:r>
              <a:rPr lang="en-CA" sz="1400"/>
              <a:t>Vacuum lines (spares): 2</a:t>
            </a:r>
          </a:p>
          <a:p>
            <a:pPr lvl="2"/>
            <a:r>
              <a:rPr lang="en-CA" sz="1200"/>
              <a:t>RIB differential pumping</a:t>
            </a:r>
          </a:p>
          <a:p>
            <a:pPr lvl="2"/>
            <a:r>
              <a:rPr lang="en-CA" sz="1200"/>
              <a:t>Converter differential pumping</a:t>
            </a:r>
          </a:p>
          <a:p>
            <a:pPr lvl="1"/>
            <a:r>
              <a:rPr lang="en-CA" sz="1400"/>
              <a:t>Services Route: 1</a:t>
            </a:r>
          </a:p>
          <a:p>
            <a:r>
              <a:rPr lang="en-CA" sz="1800"/>
              <a:t>Filled with S2 glass fibre reinforced CTD-403 resin (green/orange)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49F866A-0A31-1F95-AA6C-8DF0484CAB6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10160" y="337838"/>
            <a:ext cx="3200616" cy="300466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74A3F7B-4BA4-16CC-5662-9863D0D5B46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10161" y="3428999"/>
            <a:ext cx="3091332" cy="322340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83754CB1-8C82-BEA5-D465-B55DEC27C44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967755" y="337838"/>
            <a:ext cx="1097288" cy="64344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2244327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4378C6F-15B6-FDC3-7716-13888BC06214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Front End – front and back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B99A2D5-3DA5-4062-DB73-55582BA845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32</a:t>
            </a:fld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4D80247-7B7E-008B-4E08-EFDEB5330E66}"/>
              </a:ext>
            </a:extLst>
          </p:cNvPr>
          <p:cNvSpPr>
            <a:spLocks noGrp="1"/>
          </p:cNvSpPr>
          <p:nvPr>
            <p:ph sz="quarter" idx="26"/>
          </p:nvPr>
        </p:nvSpPr>
        <p:spPr/>
        <p:txBody>
          <a:bodyPr/>
          <a:lstStyle/>
          <a:p>
            <a:endParaRPr lang="en-CA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2C42561-C612-3230-D7DE-9522A6B4F9C9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211080" y="900514"/>
            <a:ext cx="4593361" cy="414254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DD4690F-D559-FDBF-60DF-B6E1CAB83C63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b="7963"/>
          <a:stretch>
            <a:fillRect/>
          </a:stretch>
        </p:blipFill>
        <p:spPr>
          <a:xfrm>
            <a:off x="8004193" y="0"/>
            <a:ext cx="4187807" cy="6858000"/>
          </a:xfrm>
          <a:prstGeom prst="rect">
            <a:avLst/>
          </a:prstGeom>
        </p:spPr>
      </p:pic>
      <p:pic>
        <p:nvPicPr>
          <p:cNvPr id="9" name="Picture 8" descr="A picture containing blue, subway, opened&#10;&#10;Description automatically generated">
            <a:extLst>
              <a:ext uri="{FF2B5EF4-FFF2-40B4-BE49-F238E27FC236}">
                <a16:creationId xmlns:a16="http://schemas.microsoft.com/office/drawing/2014/main" id="{70214916-2864-1CBC-3973-A55ABA67F2D8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304313" y="3429000"/>
            <a:ext cx="3524562" cy="3429000"/>
          </a:xfrm>
          <a:prstGeom prst="rect">
            <a:avLst/>
          </a:prstGeom>
          <a:ln w="28575">
            <a:noFill/>
          </a:ln>
        </p:spPr>
      </p:pic>
    </p:spTree>
    <p:extLst>
      <p:ext uri="{BB962C8B-B14F-4D97-AF65-F5344CB8AC3E}">
        <p14:creationId xmlns:p14="http://schemas.microsoft.com/office/powerpoint/2010/main" val="182316855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>
            <a:extLst>
              <a:ext uri="{FF2B5EF4-FFF2-40B4-BE49-F238E27FC236}">
                <a16:creationId xmlns:a16="http://schemas.microsoft.com/office/drawing/2014/main" id="{407A275B-5CC1-4223-8627-BD77907230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867677" y="926301"/>
            <a:ext cx="3060361" cy="4433981"/>
          </a:xfrm>
          <a:prstGeom prst="rect">
            <a:avLst/>
          </a:prstGeom>
          <a:noFill/>
          <a:ln w="28575">
            <a:solidFill>
              <a:srgbClr val="00B0F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5" name="Picture 3">
            <a:extLst>
              <a:ext uri="{FF2B5EF4-FFF2-40B4-BE49-F238E27FC236}">
                <a16:creationId xmlns:a16="http://schemas.microsoft.com/office/drawing/2014/main" id="{2D5EA805-5C2F-4881-9DEE-14D59ED24D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171198" y="926301"/>
            <a:ext cx="3344322" cy="4433981"/>
          </a:xfrm>
          <a:prstGeom prst="rect">
            <a:avLst/>
          </a:prstGeom>
          <a:noFill/>
          <a:ln w="28575">
            <a:solidFill>
              <a:srgbClr val="00B0F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DA69B9D-98F6-4899-8BEB-C55D7EE25EAA}"/>
              </a:ext>
            </a:extLst>
          </p:cNvPr>
          <p:cNvSpPr txBox="1"/>
          <p:nvPr/>
        </p:nvSpPr>
        <p:spPr>
          <a:xfrm>
            <a:off x="4927638" y="5394258"/>
            <a:ext cx="3100950" cy="550508"/>
          </a:xfrm>
          <a:prstGeom prst="rect">
            <a:avLst/>
          </a:prstGeom>
          <a:noFill/>
        </p:spPr>
        <p:txBody>
          <a:bodyPr wrap="square" lIns="87984" tIns="43992" rIns="87984" bIns="43992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SAC target module moved by remote handling crane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1C42187-CE3D-4A0E-977F-F7017B5AD41D}"/>
              </a:ext>
            </a:extLst>
          </p:cNvPr>
          <p:cNvSpPr txBox="1"/>
          <p:nvPr/>
        </p:nvSpPr>
        <p:spPr>
          <a:xfrm>
            <a:off x="8201178" y="5360041"/>
            <a:ext cx="3407239" cy="550508"/>
          </a:xfrm>
          <a:prstGeom prst="rect">
            <a:avLst/>
          </a:prstGeom>
          <a:noFill/>
        </p:spPr>
        <p:txBody>
          <a:bodyPr wrap="square" lIns="87984" tIns="43992" rIns="87984" bIns="43992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Target module transport to target station 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9DE5737-3555-49E4-855F-41FBBAA0D6C8}"/>
              </a:ext>
            </a:extLst>
          </p:cNvPr>
          <p:cNvPicPr/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1354" y="704718"/>
            <a:ext cx="3832623" cy="2724282"/>
          </a:xfrm>
          <a:prstGeom prst="rect">
            <a:avLst/>
          </a:prstGeom>
        </p:spPr>
      </p:pic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028C0E45-439A-4AEF-BA03-F736ACFE0D99}"/>
              </a:ext>
            </a:extLst>
          </p:cNvPr>
          <p:cNvCxnSpPr>
            <a:cxnSpLocks/>
          </p:cNvCxnSpPr>
          <p:nvPr/>
        </p:nvCxnSpPr>
        <p:spPr>
          <a:xfrm>
            <a:off x="4535965" y="2095970"/>
            <a:ext cx="2190656" cy="2393188"/>
          </a:xfrm>
          <a:prstGeom prst="straightConnector1">
            <a:avLst/>
          </a:prstGeom>
          <a:ln w="38100">
            <a:solidFill>
              <a:srgbClr val="00B0F0"/>
            </a:solidFill>
            <a:tailEnd type="triangle" w="lg" len="lg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Right Brace 9">
            <a:extLst>
              <a:ext uri="{FF2B5EF4-FFF2-40B4-BE49-F238E27FC236}">
                <a16:creationId xmlns:a16="http://schemas.microsoft.com/office/drawing/2014/main" id="{1BF195F9-B5C6-419A-A2C4-E7FD9BFFC4B3}"/>
              </a:ext>
            </a:extLst>
          </p:cNvPr>
          <p:cNvSpPr/>
          <p:nvPr/>
        </p:nvSpPr>
        <p:spPr>
          <a:xfrm>
            <a:off x="3775131" y="844410"/>
            <a:ext cx="694553" cy="2444897"/>
          </a:xfrm>
          <a:prstGeom prst="rightBrace">
            <a:avLst/>
          </a:prstGeom>
          <a:ln w="38100">
            <a:solidFill>
              <a:srgbClr val="00B0F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87984" tIns="43992" rIns="87984" bIns="43992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E7E6E6">
                  <a:lumMod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822E9B0C-F731-4F4E-A443-B3F536C5B6BE}"/>
              </a:ext>
            </a:extLst>
          </p:cNvPr>
          <p:cNvSpPr txBox="1"/>
          <p:nvPr/>
        </p:nvSpPr>
        <p:spPr>
          <a:xfrm>
            <a:off x="4319539" y="4284225"/>
            <a:ext cx="2330803" cy="365842"/>
          </a:xfrm>
          <a:prstGeom prst="rect">
            <a:avLst/>
          </a:prstGeom>
          <a:noFill/>
        </p:spPr>
        <p:txBody>
          <a:bodyPr wrap="square" lIns="87984" tIns="43992" rIns="87984" bIns="43992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ontainment Box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CED80070-E79F-486D-91FC-11BBD70479C7}"/>
              </a:ext>
            </a:extLst>
          </p:cNvPr>
          <p:cNvSpPr/>
          <p:nvPr/>
        </p:nvSpPr>
        <p:spPr>
          <a:xfrm>
            <a:off x="6222124" y="3932110"/>
            <a:ext cx="987973" cy="945931"/>
          </a:xfrm>
          <a:prstGeom prst="rect">
            <a:avLst/>
          </a:prstGeom>
          <a:noFill/>
          <a:ln w="38100">
            <a:solidFill>
              <a:srgbClr val="FF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srgbClr val="E7E6E6">
                  <a:lumMod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92F80F2-3577-4CA9-AB7B-950242AE4DE7}"/>
              </a:ext>
            </a:extLst>
          </p:cNvPr>
          <p:cNvSpPr txBox="1"/>
          <p:nvPr/>
        </p:nvSpPr>
        <p:spPr>
          <a:xfrm>
            <a:off x="5200218" y="2552598"/>
            <a:ext cx="3539126" cy="365842"/>
          </a:xfrm>
          <a:prstGeom prst="rect">
            <a:avLst/>
          </a:prstGeom>
          <a:noFill/>
        </p:spPr>
        <p:txBody>
          <a:bodyPr wrap="square" lIns="87984" tIns="43992" rIns="87984" bIns="43992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hielding</a:t>
            </a:r>
          </a:p>
        </p:txBody>
      </p:sp>
      <p:sp>
        <p:nvSpPr>
          <p:cNvPr id="14" name="Title 13">
            <a:extLst>
              <a:ext uri="{FF2B5EF4-FFF2-40B4-BE49-F238E27FC236}">
                <a16:creationId xmlns:a16="http://schemas.microsoft.com/office/drawing/2014/main" id="{CC5D5114-94E0-1A43-AED8-5D3F1C682C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400" b="0"/>
              <a:t>ISAC – The Highest Power ISOL Facility in the World</a:t>
            </a:r>
          </a:p>
        </p:txBody>
      </p:sp>
      <p:pic>
        <p:nvPicPr>
          <p:cNvPr id="2" name="Picture 2" descr="C:\Users\gminor\AppData\Local\Microsoft\Windows\INetCache\Content.Outlook\SFEC14DA\Photo 2015-10-19 10 40 22 AM.JPG">
            <a:extLst>
              <a:ext uri="{FF2B5EF4-FFF2-40B4-BE49-F238E27FC236}">
                <a16:creationId xmlns:a16="http://schemas.microsoft.com/office/drawing/2014/main" id="{5482B5F1-1D69-39B2-663B-757DA22C03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462" t="14844" r="1488"/>
          <a:stretch/>
        </p:blipFill>
        <p:spPr bwMode="auto">
          <a:xfrm>
            <a:off x="319467" y="3449240"/>
            <a:ext cx="3822284" cy="2541519"/>
          </a:xfrm>
          <a:prstGeom prst="rect">
            <a:avLst/>
          </a:prstGeom>
          <a:noFill/>
          <a:ln w="28575">
            <a:solidFill>
              <a:srgbClr val="00B0F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B7FB2281-02ED-D61A-839B-981D132E6BB9}"/>
              </a:ext>
            </a:extLst>
          </p:cNvPr>
          <p:cNvSpPr txBox="1"/>
          <p:nvPr/>
        </p:nvSpPr>
        <p:spPr>
          <a:xfrm>
            <a:off x="409408" y="5990759"/>
            <a:ext cx="3822284" cy="319676"/>
          </a:xfrm>
          <a:prstGeom prst="rect">
            <a:avLst/>
          </a:prstGeom>
          <a:noFill/>
        </p:spPr>
        <p:txBody>
          <a:bodyPr wrap="square" lIns="87984" tIns="43992" rIns="87984" bIns="43992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SAC target </a:t>
            </a:r>
            <a:r>
              <a:rPr lang="en-US" sz="1500">
                <a:solidFill>
                  <a:schemeClr val="bg2">
                    <a:lumMod val="25000"/>
                  </a:schemeClr>
                </a:solidFill>
                <a:latin typeface="Arial" panose="020B0604020202020204"/>
              </a:rPr>
              <a:t>m</a:t>
            </a:r>
            <a:r>
              <a:rPr kumimoji="0" lang="en-US" sz="1500" b="0" i="0" u="none" strike="noStrike" kern="1200" cap="none" spc="0" normalizeH="0" baseline="0" noProof="0" err="1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dule</a:t>
            </a:r>
            <a:r>
              <a:rPr kumimoji="0" lang="en-US" sz="15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in h</a:t>
            </a:r>
            <a:r>
              <a:rPr lang="en-US" sz="1500" err="1">
                <a:solidFill>
                  <a:schemeClr val="bg2">
                    <a:lumMod val="25000"/>
                  </a:schemeClr>
                </a:solidFill>
                <a:latin typeface="Arial" panose="020B0604020202020204"/>
              </a:rPr>
              <a:t>ot</a:t>
            </a:r>
            <a:r>
              <a:rPr lang="en-US" sz="1500">
                <a:solidFill>
                  <a:schemeClr val="bg2">
                    <a:lumMod val="25000"/>
                  </a:schemeClr>
                </a:solidFill>
                <a:latin typeface="Arial" panose="020B0604020202020204"/>
              </a:rPr>
              <a:t> cell</a:t>
            </a:r>
            <a:endParaRPr kumimoji="0" lang="en-US" sz="1500" b="0" i="0" u="none" strike="noStrike" kern="1200" cap="none" spc="0" normalizeH="0" baseline="0" noProof="0">
              <a:ln>
                <a:noFill/>
              </a:ln>
              <a:solidFill>
                <a:schemeClr val="bg2">
                  <a:lumMod val="25000"/>
                </a:scheme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925D03AB-F077-6189-832B-8DC7347ADE56}"/>
              </a:ext>
            </a:extLst>
          </p:cNvPr>
          <p:cNvCxnSpPr>
            <a:cxnSpLocks/>
          </p:cNvCxnSpPr>
          <p:nvPr/>
        </p:nvCxnSpPr>
        <p:spPr>
          <a:xfrm>
            <a:off x="3127099" y="3865684"/>
            <a:ext cx="4061510" cy="66426"/>
          </a:xfrm>
          <a:prstGeom prst="line">
            <a:avLst/>
          </a:prstGeom>
          <a:ln w="3810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BE16F2A-4405-E5FF-53FF-30C82A9E75FC}"/>
              </a:ext>
            </a:extLst>
          </p:cNvPr>
          <p:cNvCxnSpPr>
            <a:cxnSpLocks/>
          </p:cNvCxnSpPr>
          <p:nvPr/>
        </p:nvCxnSpPr>
        <p:spPr>
          <a:xfrm flipV="1">
            <a:off x="3072984" y="4892023"/>
            <a:ext cx="4137113" cy="468018"/>
          </a:xfrm>
          <a:prstGeom prst="line">
            <a:avLst/>
          </a:prstGeom>
          <a:ln w="3810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 24">
            <a:extLst>
              <a:ext uri="{FF2B5EF4-FFF2-40B4-BE49-F238E27FC236}">
                <a16:creationId xmlns:a16="http://schemas.microsoft.com/office/drawing/2014/main" id="{9A93F11E-5962-A259-4BF7-510F8C45ABAF}"/>
              </a:ext>
            </a:extLst>
          </p:cNvPr>
          <p:cNvSpPr/>
          <p:nvPr/>
        </p:nvSpPr>
        <p:spPr>
          <a:xfrm>
            <a:off x="1424066" y="3839110"/>
            <a:ext cx="1648918" cy="1520931"/>
          </a:xfrm>
          <a:prstGeom prst="rect">
            <a:avLst/>
          </a:prstGeom>
          <a:noFill/>
          <a:ln w="38100">
            <a:solidFill>
              <a:srgbClr val="FF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800" b="0" i="0" u="none" strike="noStrike" kern="1200" cap="none" spc="0" normalizeH="0" baseline="0" noProof="0">
              <a:ln>
                <a:noFill/>
              </a:ln>
              <a:solidFill>
                <a:srgbClr val="E7E6E6">
                  <a:lumMod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24885609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330CDF1-9FCC-5400-FAF7-DD6924772AB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3" name="Picture 42">
            <a:extLst>
              <a:ext uri="{FF2B5EF4-FFF2-40B4-BE49-F238E27FC236}">
                <a16:creationId xmlns:a16="http://schemas.microsoft.com/office/drawing/2014/main" id="{B7824EE8-4C2A-6387-C7CE-F68B47D447D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91765" y="0"/>
            <a:ext cx="2797606" cy="6457949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ECAE731-1772-7D6E-14DC-B134D4E7A0D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RIEL Hermetic Target Vessel - APTW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1791F1C-CC76-8DB1-8542-495DB0E0BA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68328" y="6535374"/>
            <a:ext cx="418401" cy="287701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34</a:t>
            </a:fld>
            <a:endParaRPr lang="en-US"/>
          </a:p>
        </p:txBody>
      </p:sp>
      <p:grpSp>
        <p:nvGrpSpPr>
          <p:cNvPr id="51" name="Group 50">
            <a:extLst>
              <a:ext uri="{FF2B5EF4-FFF2-40B4-BE49-F238E27FC236}">
                <a16:creationId xmlns:a16="http://schemas.microsoft.com/office/drawing/2014/main" id="{F169F169-2663-A02E-F500-C0D15D4DB6E1}"/>
              </a:ext>
            </a:extLst>
          </p:cNvPr>
          <p:cNvGrpSpPr/>
          <p:nvPr/>
        </p:nvGrpSpPr>
        <p:grpSpPr>
          <a:xfrm>
            <a:off x="6560574" y="4657725"/>
            <a:ext cx="2138662" cy="2200275"/>
            <a:chOff x="4548224" y="4550728"/>
            <a:chExt cx="2138662" cy="2200275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2BFE55DC-1778-2D80-26CB-9F0C428B0C66}"/>
                </a:ext>
              </a:extLst>
            </p:cNvPr>
            <p:cNvGrpSpPr/>
            <p:nvPr/>
          </p:nvGrpSpPr>
          <p:grpSpPr>
            <a:xfrm>
              <a:off x="5173406" y="4625815"/>
              <a:ext cx="520345" cy="1828059"/>
              <a:chOff x="6014261" y="4532895"/>
              <a:chExt cx="806372" cy="1828059"/>
            </a:xfrm>
          </p:grpSpPr>
          <p:sp>
            <p:nvSpPr>
              <p:cNvPr id="23" name="object 57">
                <a:extLst>
                  <a:ext uri="{FF2B5EF4-FFF2-40B4-BE49-F238E27FC236}">
                    <a16:creationId xmlns:a16="http://schemas.microsoft.com/office/drawing/2014/main" id="{2BC02D5C-7FC0-C882-70C7-C3BFBD3058B6}"/>
                  </a:ext>
                </a:extLst>
              </p:cNvPr>
              <p:cNvSpPr/>
              <p:nvPr/>
            </p:nvSpPr>
            <p:spPr>
              <a:xfrm>
                <a:off x="6022851" y="4532895"/>
                <a:ext cx="797782" cy="1828059"/>
              </a:xfrm>
              <a:custGeom>
                <a:avLst/>
                <a:gdLst/>
                <a:ahLst/>
                <a:cxnLst/>
                <a:rect l="l" t="t" r="r" b="b"/>
                <a:pathLst>
                  <a:path w="124459" h="413385">
                    <a:moveTo>
                      <a:pt x="122810" y="0"/>
                    </a:moveTo>
                    <a:lnTo>
                      <a:pt x="0" y="99697"/>
                    </a:lnTo>
                    <a:lnTo>
                      <a:pt x="584" y="314317"/>
                    </a:lnTo>
                    <a:lnTo>
                      <a:pt x="123938" y="413346"/>
                    </a:lnTo>
                    <a:lnTo>
                      <a:pt x="122810" y="0"/>
                    </a:lnTo>
                    <a:close/>
                  </a:path>
                </a:pathLst>
              </a:custGeom>
              <a:solidFill>
                <a:srgbClr val="0DB253"/>
              </a:solidFill>
            </p:spPr>
            <p:txBody>
              <a:bodyPr wrap="square" lIns="0" tIns="0" rIns="0" bIns="0" rtlCol="0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>
                  <a:solidFill>
                    <a:schemeClr val="bg2">
                      <a:lumMod val="25000"/>
                    </a:schemeClr>
                  </a:solidFill>
                </a:endParaRPr>
              </a:p>
            </p:txBody>
          </p:sp>
          <p:sp>
            <p:nvSpPr>
              <p:cNvPr id="24" name="object 159">
                <a:extLst>
                  <a:ext uri="{FF2B5EF4-FFF2-40B4-BE49-F238E27FC236}">
                    <a16:creationId xmlns:a16="http://schemas.microsoft.com/office/drawing/2014/main" id="{3CAEE23B-D1EA-64D9-4C4D-1CF2B547FF12}"/>
                  </a:ext>
                </a:extLst>
              </p:cNvPr>
              <p:cNvSpPr txBox="1"/>
              <p:nvPr/>
            </p:nvSpPr>
            <p:spPr>
              <a:xfrm rot="21420000">
                <a:off x="6014261" y="4571283"/>
                <a:ext cx="252232" cy="234038"/>
              </a:xfrm>
              <a:prstGeom prst="rect">
                <a:avLst/>
              </a:prstGeom>
            </p:spPr>
            <p:txBody>
              <a:bodyPr vert="horz" wrap="square" lIns="0" tIns="0" rIns="0" bIns="0" rtlCol="0">
                <a:sp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>
                  <a:lnSpc>
                    <a:spcPts val="1795"/>
                  </a:lnSpc>
                </a:pPr>
                <a:r>
                  <a:rPr sz="1800" spc="25">
                    <a:solidFill>
                      <a:srgbClr val="00B050"/>
                    </a:solidFill>
                    <a:cs typeface="Calibri"/>
                  </a:rPr>
                  <a:t>γ</a:t>
                </a:r>
                <a:endParaRPr sz="1800">
                  <a:solidFill>
                    <a:srgbClr val="00B050"/>
                  </a:solidFill>
                  <a:cs typeface="Calibri"/>
                </a:endParaRPr>
              </a:p>
            </p:txBody>
          </p:sp>
        </p:grpSp>
        <p:grpSp>
          <p:nvGrpSpPr>
            <p:cNvPr id="25" name="Group 24">
              <a:extLst>
                <a:ext uri="{FF2B5EF4-FFF2-40B4-BE49-F238E27FC236}">
                  <a16:creationId xmlns:a16="http://schemas.microsoft.com/office/drawing/2014/main" id="{757CE008-ECC4-54DB-261D-78F20ACA7991}"/>
                </a:ext>
              </a:extLst>
            </p:cNvPr>
            <p:cNvGrpSpPr/>
            <p:nvPr/>
          </p:nvGrpSpPr>
          <p:grpSpPr>
            <a:xfrm>
              <a:off x="4548224" y="5195480"/>
              <a:ext cx="1431726" cy="1548805"/>
              <a:chOff x="5389079" y="5102560"/>
              <a:chExt cx="1431726" cy="1548805"/>
            </a:xfrm>
          </p:grpSpPr>
          <p:sp>
            <p:nvSpPr>
              <p:cNvPr id="26" name="object 142">
                <a:extLst>
                  <a:ext uri="{FF2B5EF4-FFF2-40B4-BE49-F238E27FC236}">
                    <a16:creationId xmlns:a16="http://schemas.microsoft.com/office/drawing/2014/main" id="{6F4E2F99-8DAE-66A3-9980-7B32D85CD7E9}"/>
                  </a:ext>
                </a:extLst>
              </p:cNvPr>
              <p:cNvSpPr/>
              <p:nvPr/>
            </p:nvSpPr>
            <p:spPr>
              <a:xfrm>
                <a:off x="5871651" y="5111664"/>
                <a:ext cx="155955" cy="677820"/>
              </a:xfrm>
              <a:custGeom>
                <a:avLst/>
                <a:gdLst/>
                <a:ahLst/>
                <a:cxnLst/>
                <a:rect l="l" t="t" r="r" b="b"/>
                <a:pathLst>
                  <a:path w="98425" h="280035">
                    <a:moveTo>
                      <a:pt x="97507" y="0"/>
                    </a:moveTo>
                    <a:lnTo>
                      <a:pt x="0" y="262"/>
                    </a:lnTo>
                    <a:lnTo>
                      <a:pt x="763" y="279784"/>
                    </a:lnTo>
                    <a:lnTo>
                      <a:pt x="98265" y="279521"/>
                    </a:lnTo>
                    <a:lnTo>
                      <a:pt x="97507" y="0"/>
                    </a:lnTo>
                    <a:close/>
                  </a:path>
                </a:pathLst>
              </a:custGeom>
              <a:solidFill>
                <a:schemeClr val="tx1"/>
              </a:solidFill>
              <a:ln>
                <a:noFill/>
              </a:ln>
            </p:spPr>
            <p:txBody>
              <a:bodyPr wrap="square" lIns="0" tIns="0" rIns="0" bIns="0" rtlCol="0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>
                  <a:solidFill>
                    <a:schemeClr val="bg2">
                      <a:lumMod val="25000"/>
                    </a:schemeClr>
                  </a:solidFill>
                </a:endParaRPr>
              </a:p>
            </p:txBody>
          </p:sp>
          <p:cxnSp>
            <p:nvCxnSpPr>
              <p:cNvPr id="27" name="Straight Arrow Connector 26">
                <a:extLst>
                  <a:ext uri="{FF2B5EF4-FFF2-40B4-BE49-F238E27FC236}">
                    <a16:creationId xmlns:a16="http://schemas.microsoft.com/office/drawing/2014/main" id="{7BB6E3BB-E0B9-0E0E-D7CD-A14177B98876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5430396" y="5449033"/>
                <a:ext cx="401855" cy="2752"/>
              </a:xfrm>
              <a:prstGeom prst="straightConnector1">
                <a:avLst/>
              </a:prstGeom>
              <a:ln w="28575">
                <a:solidFill>
                  <a:srgbClr val="002060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A89A107E-8D90-2CCC-E399-528F797EDC90}"/>
                  </a:ext>
                </a:extLst>
              </p:cNvPr>
              <p:cNvSpPr txBox="1"/>
              <p:nvPr/>
            </p:nvSpPr>
            <p:spPr>
              <a:xfrm>
                <a:off x="5389079" y="5102560"/>
                <a:ext cx="637756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indent="0">
                  <a:buNone/>
                </a:pPr>
                <a:r>
                  <a:rPr lang="en-CA" sz="1800">
                    <a:solidFill>
                      <a:srgbClr val="002060"/>
                    </a:solidFill>
                  </a:rPr>
                  <a:t>e-</a:t>
                </a:r>
              </a:p>
            </p:txBody>
          </p:sp>
          <p:cxnSp>
            <p:nvCxnSpPr>
              <p:cNvPr id="29" name="Straight Connector 28">
                <a:extLst>
                  <a:ext uri="{FF2B5EF4-FFF2-40B4-BE49-F238E27FC236}">
                    <a16:creationId xmlns:a16="http://schemas.microsoft.com/office/drawing/2014/main" id="{A2D44D96-E307-5DAC-DB1D-A69C98924676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5885337" y="5774913"/>
                <a:ext cx="59036" cy="586041"/>
              </a:xfrm>
              <a:prstGeom prst="line">
                <a:avLst/>
              </a:prstGeom>
              <a:ln w="1270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0" name="TextBox 29">
                <a:extLst>
                  <a:ext uri="{FF2B5EF4-FFF2-40B4-BE49-F238E27FC236}">
                    <a16:creationId xmlns:a16="http://schemas.microsoft.com/office/drawing/2014/main" id="{C2DA5E7C-9CBB-2135-B3B2-18BC61390CB1}"/>
                  </a:ext>
                </a:extLst>
              </p:cNvPr>
              <p:cNvSpPr txBox="1"/>
              <p:nvPr/>
            </p:nvSpPr>
            <p:spPr>
              <a:xfrm>
                <a:off x="5390572" y="6343588"/>
                <a:ext cx="1430233" cy="30777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indent="0">
                  <a:buNone/>
                </a:pPr>
                <a:r>
                  <a:rPr lang="en-CA" sz="1400"/>
                  <a:t>Converter</a:t>
                </a:r>
              </a:p>
            </p:txBody>
          </p:sp>
        </p:grpSp>
        <p:sp>
          <p:nvSpPr>
            <p:cNvPr id="32" name="object 138">
              <a:extLst>
                <a:ext uri="{FF2B5EF4-FFF2-40B4-BE49-F238E27FC236}">
                  <a16:creationId xmlns:a16="http://schemas.microsoft.com/office/drawing/2014/main" id="{C6746683-5CB1-2ECD-B09A-3897CC7744C5}"/>
                </a:ext>
              </a:extLst>
            </p:cNvPr>
            <p:cNvSpPr/>
            <p:nvPr/>
          </p:nvSpPr>
          <p:spPr>
            <a:xfrm>
              <a:off x="5290692" y="5260939"/>
              <a:ext cx="595816" cy="569666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42" name="object 142">
              <a:extLst>
                <a:ext uri="{FF2B5EF4-FFF2-40B4-BE49-F238E27FC236}">
                  <a16:creationId xmlns:a16="http://schemas.microsoft.com/office/drawing/2014/main" id="{521B1006-7892-B500-C34E-287A6DAEFB02}"/>
                </a:ext>
              </a:extLst>
            </p:cNvPr>
            <p:cNvSpPr/>
            <p:nvPr/>
          </p:nvSpPr>
          <p:spPr>
            <a:xfrm>
              <a:off x="5801081" y="4928028"/>
              <a:ext cx="133727" cy="724408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cxnSp>
          <p:nvCxnSpPr>
            <p:cNvPr id="46" name="Straight Arrow Connector 45">
              <a:extLst>
                <a:ext uri="{FF2B5EF4-FFF2-40B4-BE49-F238E27FC236}">
                  <a16:creationId xmlns:a16="http://schemas.microsoft.com/office/drawing/2014/main" id="{8C434145-1100-6F47-E228-C51A5C36171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862378" y="4550728"/>
              <a:ext cx="0" cy="379354"/>
            </a:xfrm>
            <a:prstGeom prst="straightConnector1">
              <a:avLst/>
            </a:prstGeom>
            <a:ln w="28575">
              <a:solidFill>
                <a:srgbClr val="FFFF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48036F0C-F439-E471-A077-DD47B8EAB8ED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5798655" y="5737855"/>
              <a:ext cx="63723" cy="724408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8" name="TextBox 47">
              <a:extLst>
                <a:ext uri="{FF2B5EF4-FFF2-40B4-BE49-F238E27FC236}">
                  <a16:creationId xmlns:a16="http://schemas.microsoft.com/office/drawing/2014/main" id="{2677B5B0-A535-DE56-D74C-7A5BD7EA79C6}"/>
                </a:ext>
              </a:extLst>
            </p:cNvPr>
            <p:cNvSpPr txBox="1"/>
            <p:nvPr/>
          </p:nvSpPr>
          <p:spPr>
            <a:xfrm>
              <a:off x="5523460" y="6443226"/>
              <a:ext cx="733511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Target</a:t>
              </a:r>
            </a:p>
          </p:txBody>
        </p: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A471C7FE-FB33-E13F-A424-2230D985C969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5934109" y="5319676"/>
              <a:ext cx="126911" cy="362173"/>
            </a:xfrm>
            <a:prstGeom prst="line">
              <a:avLst/>
            </a:prstGeom>
            <a:ln w="127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0" name="TextBox 49">
              <a:extLst>
                <a:ext uri="{FF2B5EF4-FFF2-40B4-BE49-F238E27FC236}">
                  <a16:creationId xmlns:a16="http://schemas.microsoft.com/office/drawing/2014/main" id="{DBD7CC9B-B3CB-447B-F9B9-EB19192EC851}"/>
                </a:ext>
              </a:extLst>
            </p:cNvPr>
            <p:cNvSpPr txBox="1"/>
            <p:nvPr/>
          </p:nvSpPr>
          <p:spPr>
            <a:xfrm>
              <a:off x="5894339" y="5595406"/>
              <a:ext cx="792547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400"/>
                <a:t>Ion Source</a:t>
              </a:r>
            </a:p>
          </p:txBody>
        </p:sp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BFD4CEDF-149B-E59D-8BA7-26E7D692E20F}"/>
              </a:ext>
            </a:extLst>
          </p:cNvPr>
          <p:cNvGrpSpPr/>
          <p:nvPr/>
        </p:nvGrpSpPr>
        <p:grpSpPr>
          <a:xfrm>
            <a:off x="5178112" y="678923"/>
            <a:ext cx="3828502" cy="3884922"/>
            <a:chOff x="4587986" y="924746"/>
            <a:chExt cx="3828502" cy="3884922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DBBA3816-BA8C-2DC2-6BA8-B854C153ABF5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tretch>
              <a:fillRect/>
            </a:stretch>
          </p:blipFill>
          <p:spPr>
            <a:xfrm>
              <a:off x="5654272" y="1268840"/>
              <a:ext cx="2762216" cy="3540828"/>
            </a:xfrm>
            <a:prstGeom prst="rect">
              <a:avLst/>
            </a:prstGeom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CA023927-5821-3CAE-D5C0-B329F678D7AD}"/>
                </a:ext>
              </a:extLst>
            </p:cNvPr>
            <p:cNvSpPr/>
            <p:nvPr/>
          </p:nvSpPr>
          <p:spPr>
            <a:xfrm>
              <a:off x="5765636" y="924746"/>
              <a:ext cx="2562712" cy="40011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2000"/>
                <a:t>AETE HTV</a:t>
              </a:r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2D4F5DDC-5261-B2A7-6066-5C69250EA55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654272" y="3429000"/>
              <a:ext cx="1011129" cy="207459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4" name="Content Placeholder 4">
              <a:extLst>
                <a:ext uri="{FF2B5EF4-FFF2-40B4-BE49-F238E27FC236}">
                  <a16:creationId xmlns:a16="http://schemas.microsoft.com/office/drawing/2014/main" id="{D3F4E605-AB87-6665-B571-FA19E591FB5F}"/>
                </a:ext>
              </a:extLst>
            </p:cNvPr>
            <p:cNvSpPr txBox="1">
              <a:spLocks/>
            </p:cNvSpPr>
            <p:nvPr/>
          </p:nvSpPr>
          <p:spPr>
            <a:xfrm>
              <a:off x="4587986" y="1369098"/>
              <a:ext cx="1965784" cy="707012"/>
            </a:xfrm>
            <a:prstGeom prst="rect">
              <a:avLst/>
            </a:prstGeom>
          </p:spPr>
          <p:txBody>
            <a:bodyPr/>
            <a:lstStyle>
              <a:lvl1pPr marL="228600" indent="-228600" algn="l" defTabSz="914400" rtl="0" eaLnBrk="1" latinLnBrk="0" hangingPunct="1">
                <a:lnSpc>
                  <a:spcPct val="90000"/>
                </a:lnSpc>
                <a:spcBef>
                  <a:spcPts val="1000"/>
                </a:spcBef>
                <a:buFont typeface="Arial"/>
                <a:buChar char="•"/>
                <a:defRPr sz="2400" b="0" i="0" kern="1200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1pPr>
              <a:lvl2pPr marL="685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CA" sz="1764">
                  <a:solidFill>
                    <a:srgbClr val="002060"/>
                  </a:solidFill>
                </a:rPr>
                <a:t>100 kW electrons @ 30 MeV</a:t>
              </a:r>
            </a:p>
          </p:txBody>
        </p:sp>
      </p:grpSp>
      <p:grpSp>
        <p:nvGrpSpPr>
          <p:cNvPr id="58" name="Group 57">
            <a:extLst>
              <a:ext uri="{FF2B5EF4-FFF2-40B4-BE49-F238E27FC236}">
                <a16:creationId xmlns:a16="http://schemas.microsoft.com/office/drawing/2014/main" id="{120BEB65-DCA7-1B10-C0E0-6E772F9B85BD}"/>
              </a:ext>
            </a:extLst>
          </p:cNvPr>
          <p:cNvGrpSpPr/>
          <p:nvPr/>
        </p:nvGrpSpPr>
        <p:grpSpPr>
          <a:xfrm>
            <a:off x="281492" y="684499"/>
            <a:ext cx="3018308" cy="3367594"/>
            <a:chOff x="1189959" y="930322"/>
            <a:chExt cx="3018308" cy="3367594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0453A1C1-289A-88D9-E16B-9633D9E5446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189959" y="1324856"/>
              <a:ext cx="2359750" cy="2973060"/>
            </a:xfrm>
            <a:prstGeom prst="rect">
              <a:avLst/>
            </a:prstGeom>
          </p:spPr>
        </p:pic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F7C89C8-7B76-17A3-E342-13083BEDD249}"/>
                </a:ext>
              </a:extLst>
            </p:cNvPr>
            <p:cNvSpPr/>
            <p:nvPr/>
          </p:nvSpPr>
          <p:spPr>
            <a:xfrm>
              <a:off x="1253063" y="930322"/>
              <a:ext cx="2562712" cy="40011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>
                <a:buClr>
                  <a:srgbClr val="00B0F0"/>
                </a:buClr>
              </a:pPr>
              <a:r>
                <a:rPr lang="en-US" sz="2000"/>
                <a:t>APTW HTV</a:t>
              </a:r>
            </a:p>
          </p:txBody>
        </p:sp>
        <p:cxnSp>
          <p:nvCxnSpPr>
            <p:cNvPr id="13" name="Straight Arrow Connector 12">
              <a:extLst>
                <a:ext uri="{FF2B5EF4-FFF2-40B4-BE49-F238E27FC236}">
                  <a16:creationId xmlns:a16="http://schemas.microsoft.com/office/drawing/2014/main" id="{73D0F8F6-823B-891F-D273-5B3C7986B3A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253063" y="3030468"/>
              <a:ext cx="2162883" cy="269959"/>
            </a:xfrm>
            <a:prstGeom prst="straightConnector1">
              <a:avLst/>
            </a:prstGeom>
            <a:ln w="28575">
              <a:solidFill>
                <a:srgbClr val="009FE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5" name="Content Placeholder 4">
              <a:extLst>
                <a:ext uri="{FF2B5EF4-FFF2-40B4-BE49-F238E27FC236}">
                  <a16:creationId xmlns:a16="http://schemas.microsoft.com/office/drawing/2014/main" id="{06D0E6E5-8878-CC41-76A7-45C22B4A1B21}"/>
                </a:ext>
              </a:extLst>
            </p:cNvPr>
            <p:cNvSpPr txBox="1">
              <a:spLocks/>
            </p:cNvSpPr>
            <p:nvPr/>
          </p:nvSpPr>
          <p:spPr>
            <a:xfrm>
              <a:off x="2491487" y="1407198"/>
              <a:ext cx="1716780" cy="707012"/>
            </a:xfrm>
            <a:prstGeom prst="rect">
              <a:avLst/>
            </a:prstGeom>
          </p:spPr>
          <p:txBody>
            <a:bodyPr/>
            <a:lstStyle>
              <a:lvl1pPr marL="228600" indent="-228600" algn="l" defTabSz="914400" rtl="0" eaLnBrk="1" latinLnBrk="0" hangingPunct="1">
                <a:lnSpc>
                  <a:spcPct val="90000"/>
                </a:lnSpc>
                <a:spcBef>
                  <a:spcPts val="1000"/>
                </a:spcBef>
                <a:buFont typeface="Arial"/>
                <a:buChar char="•"/>
                <a:defRPr sz="2400" b="0" i="0" kern="1200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1pPr>
              <a:lvl2pPr marL="685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US" sz="1764">
                  <a:solidFill>
                    <a:srgbClr val="009FE0"/>
                  </a:solidFill>
                </a:rPr>
                <a:t>50 kW p</a:t>
              </a:r>
              <a:r>
                <a:rPr lang="en-CA" sz="1764" err="1">
                  <a:solidFill>
                    <a:srgbClr val="009FE0"/>
                  </a:solidFill>
                </a:rPr>
                <a:t>rotons</a:t>
              </a:r>
              <a:r>
                <a:rPr lang="en-CA" sz="1764">
                  <a:solidFill>
                    <a:srgbClr val="009FE0"/>
                  </a:solidFill>
                </a:rPr>
                <a:t> @ 500 MeV</a:t>
              </a:r>
            </a:p>
          </p:txBody>
        </p:sp>
      </p:grpSp>
      <p:sp>
        <p:nvSpPr>
          <p:cNvPr id="59" name="AutoShape 2">
            <a:extLst>
              <a:ext uri="{FF2B5EF4-FFF2-40B4-BE49-F238E27FC236}">
                <a16:creationId xmlns:a16="http://schemas.microsoft.com/office/drawing/2014/main" id="{789ABE74-C106-9350-A020-23CDC73263F3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0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CA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9A35E9F-2F28-E8C7-3FF4-9E9AE158E46F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l="1872" t="18219" r="-1" b="21400"/>
          <a:stretch>
            <a:fillRect/>
          </a:stretch>
        </p:blipFill>
        <p:spPr>
          <a:xfrm>
            <a:off x="3226782" y="1682582"/>
            <a:ext cx="2228297" cy="2439627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ACF11ABD-8ECD-9BC6-C0A0-735E392FF67E}"/>
              </a:ext>
            </a:extLst>
          </p:cNvPr>
          <p:cNvPicPr>
            <a:picLocks noChangeAspect="1"/>
          </p:cNvPicPr>
          <p:nvPr/>
        </p:nvPicPr>
        <p:blipFill>
          <a:blip r:embed="rId6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26234" y="3970850"/>
            <a:ext cx="2678581" cy="2852226"/>
          </a:xfrm>
          <a:prstGeom prst="rect">
            <a:avLst/>
          </a:prstGeom>
        </p:spPr>
      </p:pic>
      <p:grpSp>
        <p:nvGrpSpPr>
          <p:cNvPr id="17" name="Group 16">
            <a:extLst>
              <a:ext uri="{FF2B5EF4-FFF2-40B4-BE49-F238E27FC236}">
                <a16:creationId xmlns:a16="http://schemas.microsoft.com/office/drawing/2014/main" id="{996DEEE6-F54F-E9FA-FF6B-451DF039E961}"/>
              </a:ext>
            </a:extLst>
          </p:cNvPr>
          <p:cNvGrpSpPr/>
          <p:nvPr/>
        </p:nvGrpSpPr>
        <p:grpSpPr>
          <a:xfrm>
            <a:off x="8400749" y="3467776"/>
            <a:ext cx="2118855" cy="1763447"/>
            <a:chOff x="6928478" y="4797424"/>
            <a:chExt cx="2118855" cy="1763447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E2425724-DD90-C791-B339-7FA3FB81E7BE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rcRect l="5069" t="7293" r="5431" b="7599"/>
            <a:stretch>
              <a:fillRect/>
            </a:stretch>
          </p:blipFill>
          <p:spPr>
            <a:xfrm>
              <a:off x="7244222" y="4797424"/>
              <a:ext cx="1803111" cy="1763447"/>
            </a:xfrm>
            <a:prstGeom prst="rect">
              <a:avLst/>
            </a:prstGeom>
            <a:ln>
              <a:solidFill>
                <a:srgbClr val="002060"/>
              </a:solidFill>
            </a:ln>
          </p:spPr>
        </p:pic>
        <p:cxnSp>
          <p:nvCxnSpPr>
            <p:cNvPr id="12" name="Straight Arrow Connector 11">
              <a:extLst>
                <a:ext uri="{FF2B5EF4-FFF2-40B4-BE49-F238E27FC236}">
                  <a16:creationId xmlns:a16="http://schemas.microsoft.com/office/drawing/2014/main" id="{CBEC0111-A678-4075-0572-1CB0DE382F4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967308" y="5689679"/>
              <a:ext cx="861631" cy="254641"/>
            </a:xfrm>
            <a:prstGeom prst="straightConnector1">
              <a:avLst/>
            </a:prstGeom>
            <a:ln w="28575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645FFE33-2C71-3AD6-B2B3-B93970758996}"/>
                </a:ext>
              </a:extLst>
            </p:cNvPr>
            <p:cNvSpPr txBox="1"/>
            <p:nvPr/>
          </p:nvSpPr>
          <p:spPr>
            <a:xfrm>
              <a:off x="6928478" y="5835430"/>
              <a:ext cx="637756" cy="369332"/>
            </a:xfrm>
            <a:prstGeom prst="rect">
              <a:avLst/>
            </a:prstGeom>
            <a:noFill/>
            <a:ln>
              <a:noFill/>
            </a:ln>
          </p:spPr>
          <p:txBody>
            <a:bodyPr wrap="square">
              <a:spAutoFit/>
            </a:bodyPr>
            <a:lstStyle/>
            <a:p>
              <a:pPr marL="0" indent="0">
                <a:buNone/>
              </a:pPr>
              <a:r>
                <a:rPr lang="en-CA" sz="1800">
                  <a:solidFill>
                    <a:srgbClr val="002060"/>
                  </a:solidFill>
                </a:rPr>
                <a:t>e-</a:t>
              </a:r>
            </a:p>
          </p:txBody>
        </p:sp>
      </p:grpSp>
      <p:sp>
        <p:nvSpPr>
          <p:cNvPr id="4" name="TextBox 3">
            <a:extLst>
              <a:ext uri="{FF2B5EF4-FFF2-40B4-BE49-F238E27FC236}">
                <a16:creationId xmlns:a16="http://schemas.microsoft.com/office/drawing/2014/main" id="{68C67370-6D0A-93E7-E896-C91AD2A0B4DD}"/>
              </a:ext>
            </a:extLst>
          </p:cNvPr>
          <p:cNvSpPr txBox="1"/>
          <p:nvPr/>
        </p:nvSpPr>
        <p:spPr>
          <a:xfrm>
            <a:off x="7979632" y="6387711"/>
            <a:ext cx="3808240" cy="43088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 algn="ctr">
              <a:buNone/>
            </a:pPr>
            <a:r>
              <a:rPr lang="en-CA" sz="1100"/>
              <a:t>Thin Ta layer (converter)</a:t>
            </a:r>
          </a:p>
          <a:p>
            <a:pPr marL="0" indent="0" algn="ctr">
              <a:buNone/>
            </a:pPr>
            <a:r>
              <a:rPr lang="en-CA" sz="1100"/>
              <a:t>Thick Al body (e- absorption and heat removal fins)</a:t>
            </a:r>
          </a:p>
        </p:txBody>
      </p:sp>
    </p:spTree>
    <p:extLst>
      <p:ext uri="{BB962C8B-B14F-4D97-AF65-F5344CB8AC3E}">
        <p14:creationId xmlns:p14="http://schemas.microsoft.com/office/powerpoint/2010/main" val="1731288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42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25E-6 -3.33333E-6 L -0.16862 -3.33333E-6 " pathEditMode="relative" rAng="0" ptsTypes="AA">
                                      <p:cBhvr>
                                        <p:cTn id="12" dur="10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8438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100"/>
                            </p:stCondLst>
                            <p:childTnLst>
                              <p:par>
                                <p:cTn id="14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Box 42">
            <a:extLst>
              <a:ext uri="{FF2B5EF4-FFF2-40B4-BE49-F238E27FC236}">
                <a16:creationId xmlns:a16="http://schemas.microsoft.com/office/drawing/2014/main" id="{01AC7EA6-85ED-264D-BF14-66251D956C93}"/>
              </a:ext>
            </a:extLst>
          </p:cNvPr>
          <p:cNvSpPr txBox="1"/>
          <p:nvPr/>
        </p:nvSpPr>
        <p:spPr>
          <a:xfrm>
            <a:off x="2538255" y="2140790"/>
            <a:ext cx="1736702" cy="553992"/>
          </a:xfrm>
          <a:prstGeom prst="rect">
            <a:avLst/>
          </a:prstGeom>
          <a:noFill/>
        </p:spPr>
        <p:txBody>
          <a:bodyPr wrap="square" lIns="121914" tIns="60957" rIns="121914" bIns="60957" rtlCol="0">
            <a:spAutoFit/>
          </a:bodyPr>
          <a:lstStyle/>
          <a:p>
            <a:pPr algn="r"/>
            <a:r>
              <a:rPr lang="en-US" sz="1400">
                <a:solidFill>
                  <a:schemeClr val="bg2">
                    <a:lumMod val="25000"/>
                  </a:schemeClr>
                </a:solidFill>
                <a:latin typeface="+mj-lt"/>
                <a:ea typeface="Seravek" charset="0"/>
                <a:cs typeface="Seravek" charset="0"/>
              </a:rPr>
              <a:t>Water-cooled heat</a:t>
            </a:r>
          </a:p>
          <a:p>
            <a:pPr algn="r"/>
            <a:r>
              <a:rPr lang="en-US" sz="1400">
                <a:solidFill>
                  <a:schemeClr val="bg2">
                    <a:lumMod val="25000"/>
                  </a:schemeClr>
                </a:solidFill>
                <a:latin typeface="+mj-lt"/>
                <a:ea typeface="Seravek" charset="0"/>
                <a:cs typeface="Seravek" charset="0"/>
              </a:rPr>
              <a:t>shields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  <a:ea typeface="Seravek" charset="0"/>
              <a:cs typeface="Seravek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22D211F-09F3-4CE6-BF6A-CBF11A5AC248}"/>
              </a:ext>
            </a:extLst>
          </p:cNvPr>
          <p:cNvPicPr>
            <a:picLocks/>
          </p:cNvPicPr>
          <p:nvPr/>
        </p:nvPicPr>
        <p:blipFill rotWithShape="1">
          <a:blip r:embed="rId2"/>
          <a:srcRect l="33184" t="8988" r="3720" b="-471"/>
          <a:stretch/>
        </p:blipFill>
        <p:spPr>
          <a:xfrm>
            <a:off x="155334" y="1340061"/>
            <a:ext cx="3556466" cy="2899970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400"/>
              <a:t>ISAC Radioisotope Beams Since 1998</a:t>
            </a:r>
            <a:endParaRPr lang="en-CA" sz="2400"/>
          </a:p>
        </p:txBody>
      </p:sp>
      <p:pic>
        <p:nvPicPr>
          <p:cNvPr id="6" name="Picture 2" descr="C:\Users\gottberg\Pictures\Picture1.jpg"/>
          <p:cNvPicPr>
            <a:picLocks noChangeAspect="1" noChangeArrowheads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997618" y="1265782"/>
            <a:ext cx="8065256" cy="47906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/>
          <p:cNvSpPr txBox="1"/>
          <p:nvPr/>
        </p:nvSpPr>
        <p:spPr>
          <a:xfrm>
            <a:off x="2479463" y="4032337"/>
            <a:ext cx="2224089" cy="24622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1400" b="1">
                <a:solidFill>
                  <a:schemeClr val="bg2">
                    <a:lumMod val="25000"/>
                  </a:schemeClr>
                </a:solidFill>
                <a:latin typeface="+mj-lt"/>
              </a:rPr>
              <a:t>target materials: </a:t>
            </a: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CA" sz="1400" err="1">
                <a:solidFill>
                  <a:schemeClr val="bg2">
                    <a:lumMod val="25000"/>
                  </a:schemeClr>
                </a:solidFill>
                <a:latin typeface="+mj-lt"/>
              </a:rPr>
              <a:t>UC</a:t>
            </a:r>
            <a:r>
              <a:rPr lang="en-CA" sz="1400" baseline="-25000" err="1">
                <a:solidFill>
                  <a:schemeClr val="bg2">
                    <a:lumMod val="25000"/>
                  </a:schemeClr>
                </a:solidFill>
                <a:latin typeface="+mj-lt"/>
              </a:rPr>
              <a:t>x</a:t>
            </a:r>
            <a:endParaRPr lang="en-CA" sz="1400" baseline="-25000">
              <a:solidFill>
                <a:schemeClr val="bg2">
                  <a:lumMod val="25000"/>
                </a:schemeClr>
              </a:solidFill>
              <a:latin typeface="+mj-lt"/>
            </a:endParaRP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CA" sz="1400">
                <a:solidFill>
                  <a:schemeClr val="bg2">
                    <a:lumMod val="25000"/>
                  </a:schemeClr>
                </a:solidFill>
                <a:latin typeface="+mj-lt"/>
              </a:rPr>
              <a:t>UO</a:t>
            </a:r>
            <a:r>
              <a:rPr lang="en-CA" sz="1400" baseline="-25000">
                <a:solidFill>
                  <a:schemeClr val="bg2">
                    <a:lumMod val="25000"/>
                  </a:schemeClr>
                </a:solidFill>
                <a:latin typeface="+mj-lt"/>
              </a:rPr>
              <a:t>2</a:t>
            </a: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CA" sz="1400" err="1">
                <a:solidFill>
                  <a:schemeClr val="bg2">
                    <a:lumMod val="25000"/>
                  </a:schemeClr>
                </a:solidFill>
                <a:latin typeface="+mj-lt"/>
              </a:rPr>
              <a:t>ThO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</a:endParaRP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CA" sz="1400" err="1">
                <a:solidFill>
                  <a:schemeClr val="bg2">
                    <a:lumMod val="25000"/>
                  </a:schemeClr>
                </a:solidFill>
                <a:latin typeface="+mj-lt"/>
              </a:rPr>
              <a:t>Nb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</a:endParaRP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CA" sz="1400">
                <a:solidFill>
                  <a:schemeClr val="bg2">
                    <a:lumMod val="25000"/>
                  </a:schemeClr>
                </a:solidFill>
                <a:latin typeface="+mj-lt"/>
              </a:rPr>
              <a:t>Ta</a:t>
            </a: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CA" sz="1400" err="1">
                <a:solidFill>
                  <a:schemeClr val="bg2">
                    <a:lumMod val="25000"/>
                  </a:schemeClr>
                </a:solidFill>
                <a:latin typeface="+mj-lt"/>
              </a:rPr>
              <a:t>TaC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</a:endParaRP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CA" sz="1400" err="1">
                <a:solidFill>
                  <a:schemeClr val="bg2">
                    <a:lumMod val="25000"/>
                  </a:schemeClr>
                </a:solidFill>
                <a:latin typeface="+mj-lt"/>
              </a:rPr>
              <a:t>NiO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</a:endParaRP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CA" sz="1400" err="1">
                <a:solidFill>
                  <a:schemeClr val="bg2">
                    <a:lumMod val="25000"/>
                  </a:schemeClr>
                </a:solidFill>
                <a:latin typeface="+mj-lt"/>
              </a:rPr>
              <a:t>ZrC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</a:endParaRP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CA" sz="1400" err="1">
                <a:solidFill>
                  <a:schemeClr val="bg2">
                    <a:lumMod val="25000"/>
                  </a:schemeClr>
                </a:solidFill>
                <a:latin typeface="+mj-lt"/>
              </a:rPr>
              <a:t>TiC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</a:endParaRP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CA" sz="1400" err="1">
                <a:solidFill>
                  <a:schemeClr val="bg2">
                    <a:lumMod val="25000"/>
                  </a:schemeClr>
                </a:solidFill>
                <a:latin typeface="+mj-lt"/>
              </a:rPr>
              <a:t>SiC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</a:endParaRP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51C433F7-5F57-E243-9F12-3CD5E729E88C}"/>
              </a:ext>
            </a:extLst>
          </p:cNvPr>
          <p:cNvCxnSpPr>
            <a:cxnSpLocks/>
            <a:stCxn id="3" idx="1"/>
          </p:cNvCxnSpPr>
          <p:nvPr/>
        </p:nvCxnSpPr>
        <p:spPr>
          <a:xfrm flipV="1">
            <a:off x="155334" y="2687426"/>
            <a:ext cx="778549" cy="102620"/>
          </a:xfrm>
          <a:prstGeom prst="straightConnector1">
            <a:avLst/>
          </a:prstGeom>
          <a:ln w="76200">
            <a:solidFill>
              <a:srgbClr val="C00000"/>
            </a:solidFill>
            <a:headEnd type="none" w="med" len="med"/>
            <a:tailEnd type="triangl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9" name="TextBox 18">
            <a:extLst>
              <a:ext uri="{FF2B5EF4-FFF2-40B4-BE49-F238E27FC236}">
                <a16:creationId xmlns:a16="http://schemas.microsoft.com/office/drawing/2014/main" id="{C2A12EB0-DA70-8947-9AA4-6C8832FBE534}"/>
              </a:ext>
            </a:extLst>
          </p:cNvPr>
          <p:cNvSpPr txBox="1"/>
          <p:nvPr/>
        </p:nvSpPr>
        <p:spPr>
          <a:xfrm>
            <a:off x="1933567" y="1081725"/>
            <a:ext cx="2965452" cy="553992"/>
          </a:xfrm>
          <a:prstGeom prst="rect">
            <a:avLst/>
          </a:prstGeom>
          <a:noFill/>
        </p:spPr>
        <p:txBody>
          <a:bodyPr wrap="square" lIns="121914" tIns="60957" rIns="121914" bIns="60957" rtlCol="0">
            <a:spAutoFit/>
          </a:bodyPr>
          <a:lstStyle/>
          <a:p>
            <a:r>
              <a:rPr lang="en-CA" sz="1400">
                <a:solidFill>
                  <a:schemeClr val="bg2">
                    <a:lumMod val="25000"/>
                  </a:schemeClr>
                </a:solidFill>
                <a:latin typeface="+mj-lt"/>
                <a:ea typeface="Seravek" charset="0"/>
                <a:cs typeface="Seravek" charset="0"/>
              </a:rPr>
              <a:t>target container </a:t>
            </a:r>
            <a:r>
              <a:rPr lang="en-US" sz="1400">
                <a:solidFill>
                  <a:schemeClr val="bg2">
                    <a:lumMod val="25000"/>
                  </a:schemeClr>
                </a:solidFill>
                <a:latin typeface="+mj-lt"/>
                <a:ea typeface="Seravek" charset="0"/>
                <a:cs typeface="Seravek" charset="0"/>
              </a:rPr>
              <a:t>~2000 °C</a:t>
            </a:r>
          </a:p>
          <a:p>
            <a:r>
              <a:rPr lang="en-CA" sz="1400">
                <a:solidFill>
                  <a:schemeClr val="bg2">
                    <a:lumMod val="25000"/>
                  </a:schemeClr>
                </a:solidFill>
                <a:latin typeface="+mj-lt"/>
                <a:ea typeface="Seravek" charset="0"/>
                <a:cs typeface="Seravek" charset="0"/>
              </a:rPr>
              <a:t>(Ø 20 mm, 60 cm</a:t>
            </a:r>
            <a:r>
              <a:rPr lang="en-CA" sz="1400" baseline="30000">
                <a:solidFill>
                  <a:schemeClr val="bg2">
                    <a:lumMod val="25000"/>
                  </a:schemeClr>
                </a:solidFill>
                <a:latin typeface="+mj-lt"/>
                <a:ea typeface="Seravek" charset="0"/>
                <a:cs typeface="Seravek" charset="0"/>
              </a:rPr>
              <a:t>3</a:t>
            </a:r>
            <a:r>
              <a:rPr lang="en-CA" sz="1400">
                <a:solidFill>
                  <a:schemeClr val="bg2">
                    <a:lumMod val="25000"/>
                  </a:schemeClr>
                </a:solidFill>
                <a:latin typeface="+mj-lt"/>
                <a:ea typeface="Seravek" charset="0"/>
                <a:cs typeface="Seravek" charset="0"/>
              </a:rPr>
              <a:t>)</a:t>
            </a:r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78B86A6E-2C6B-204D-8F31-2FF38449AA1A}"/>
              </a:ext>
            </a:extLst>
          </p:cNvPr>
          <p:cNvCxnSpPr>
            <a:cxnSpLocks/>
          </p:cNvCxnSpPr>
          <p:nvPr/>
        </p:nvCxnSpPr>
        <p:spPr>
          <a:xfrm flipH="1">
            <a:off x="2236258" y="1567954"/>
            <a:ext cx="143165" cy="859215"/>
          </a:xfrm>
          <a:prstGeom prst="straightConnector1">
            <a:avLst/>
          </a:prstGeom>
          <a:ln w="19050">
            <a:solidFill>
              <a:srgbClr val="C00000"/>
            </a:solidFill>
            <a:headEnd type="none" w="med" len="med"/>
            <a:tailEnd type="triangl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4" name="TextBox 23">
            <a:extLst>
              <a:ext uri="{FF2B5EF4-FFF2-40B4-BE49-F238E27FC236}">
                <a16:creationId xmlns:a16="http://schemas.microsoft.com/office/drawing/2014/main" id="{6BAB6E08-14C3-4AA9-9DB1-1DA2C2878B89}"/>
              </a:ext>
            </a:extLst>
          </p:cNvPr>
          <p:cNvSpPr txBox="1"/>
          <p:nvPr/>
        </p:nvSpPr>
        <p:spPr>
          <a:xfrm>
            <a:off x="314166" y="4163059"/>
            <a:ext cx="2224089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1400" b="1">
                <a:solidFill>
                  <a:schemeClr val="bg2">
                    <a:lumMod val="25000"/>
                  </a:schemeClr>
                </a:solidFill>
                <a:latin typeface="+mj-lt"/>
              </a:rPr>
              <a:t>ion sources: </a:t>
            </a: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CA" sz="1400">
                <a:solidFill>
                  <a:schemeClr val="bg2">
                    <a:lumMod val="25000"/>
                  </a:schemeClr>
                </a:solidFill>
                <a:latin typeface="+mj-lt"/>
              </a:rPr>
              <a:t>surface</a:t>
            </a: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US" sz="1400">
                <a:solidFill>
                  <a:schemeClr val="bg2">
                    <a:lumMod val="25000"/>
                  </a:schemeClr>
                </a:solidFill>
                <a:latin typeface="+mj-lt"/>
              </a:rPr>
              <a:t>resonant lasers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</a:endParaRP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US" sz="1400">
                <a:solidFill>
                  <a:schemeClr val="bg2">
                    <a:lumMod val="25000"/>
                  </a:schemeClr>
                </a:solidFill>
                <a:latin typeface="+mj-lt"/>
              </a:rPr>
              <a:t>FEBIAD</a:t>
            </a:r>
          </a:p>
          <a:p>
            <a:pPr marL="285744" indent="-285744">
              <a:buFont typeface="Arial" panose="020B0604020202020204" pitchFamily="34" charset="0"/>
              <a:buChar char="•"/>
            </a:pPr>
            <a:r>
              <a:rPr lang="en-US" sz="1400">
                <a:solidFill>
                  <a:schemeClr val="bg2">
                    <a:lumMod val="25000"/>
                  </a:schemeClr>
                </a:solidFill>
                <a:latin typeface="+mj-lt"/>
              </a:rPr>
              <a:t>IG-LIS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1240A7C4-B967-844D-9575-604EAFE015C1}"/>
              </a:ext>
            </a:extLst>
          </p:cNvPr>
          <p:cNvSpPr txBox="1"/>
          <p:nvPr/>
        </p:nvSpPr>
        <p:spPr>
          <a:xfrm>
            <a:off x="126857" y="3065419"/>
            <a:ext cx="1015793" cy="553992"/>
          </a:xfrm>
          <a:prstGeom prst="rect">
            <a:avLst/>
          </a:prstGeom>
          <a:noFill/>
        </p:spPr>
        <p:txBody>
          <a:bodyPr wrap="square" lIns="121914" tIns="60957" rIns="121914" bIns="60957" rtlCol="0">
            <a:spAutoFit/>
          </a:bodyPr>
          <a:lstStyle/>
          <a:p>
            <a:r>
              <a:rPr lang="en-US" sz="1400">
                <a:solidFill>
                  <a:schemeClr val="bg2">
                    <a:lumMod val="25000"/>
                  </a:schemeClr>
                </a:solidFill>
                <a:latin typeface="+mj-lt"/>
                <a:ea typeface="Seravek" charset="0"/>
                <a:cs typeface="Seravek" charset="0"/>
              </a:rPr>
              <a:t>500 MeV </a:t>
            </a:r>
            <a:br>
              <a:rPr lang="en-US" sz="1400">
                <a:solidFill>
                  <a:schemeClr val="bg2">
                    <a:lumMod val="25000"/>
                  </a:schemeClr>
                </a:solidFill>
                <a:latin typeface="+mj-lt"/>
                <a:ea typeface="Seravek" charset="0"/>
                <a:cs typeface="Seravek" charset="0"/>
              </a:rPr>
            </a:br>
            <a:r>
              <a:rPr lang="en-US" sz="1400">
                <a:solidFill>
                  <a:schemeClr val="bg2">
                    <a:lumMod val="25000"/>
                  </a:schemeClr>
                </a:solidFill>
                <a:latin typeface="+mj-lt"/>
                <a:ea typeface="Seravek" charset="0"/>
                <a:cs typeface="Seravek" charset="0"/>
              </a:rPr>
              <a:t>protons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  <a:ea typeface="Seravek" charset="0"/>
              <a:cs typeface="Seravek" charset="0"/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8A58253C-F112-C348-9294-DAD8C5E96102}"/>
              </a:ext>
            </a:extLst>
          </p:cNvPr>
          <p:cNvCxnSpPr>
            <a:cxnSpLocks/>
          </p:cNvCxnSpPr>
          <p:nvPr/>
        </p:nvCxnSpPr>
        <p:spPr>
          <a:xfrm flipH="1">
            <a:off x="1320873" y="1265782"/>
            <a:ext cx="57244" cy="373383"/>
          </a:xfrm>
          <a:prstGeom prst="straightConnector1">
            <a:avLst/>
          </a:prstGeom>
          <a:ln w="19050">
            <a:solidFill>
              <a:srgbClr val="C00000"/>
            </a:solidFill>
            <a:headEnd type="none" w="med" len="med"/>
            <a:tailEnd type="triangl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7432EA8A-5E79-2C4C-8577-988F5128EA3E}"/>
              </a:ext>
            </a:extLst>
          </p:cNvPr>
          <p:cNvCxnSpPr>
            <a:cxnSpLocks/>
          </p:cNvCxnSpPr>
          <p:nvPr/>
        </p:nvCxnSpPr>
        <p:spPr>
          <a:xfrm>
            <a:off x="1549967" y="1265782"/>
            <a:ext cx="235415" cy="512036"/>
          </a:xfrm>
          <a:prstGeom prst="straightConnector1">
            <a:avLst/>
          </a:prstGeom>
          <a:ln w="19050">
            <a:solidFill>
              <a:srgbClr val="C00000"/>
            </a:solidFill>
            <a:headEnd type="none" w="med" len="med"/>
            <a:tailEnd type="triangl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5572FCD2-FF2B-344C-8B16-452FDFF9A7C9}"/>
              </a:ext>
            </a:extLst>
          </p:cNvPr>
          <p:cNvSpPr txBox="1"/>
          <p:nvPr/>
        </p:nvSpPr>
        <p:spPr>
          <a:xfrm>
            <a:off x="798241" y="720869"/>
            <a:ext cx="2965452" cy="553992"/>
          </a:xfrm>
          <a:prstGeom prst="rect">
            <a:avLst/>
          </a:prstGeom>
          <a:noFill/>
        </p:spPr>
        <p:txBody>
          <a:bodyPr wrap="square" lIns="121914" tIns="60957" rIns="121914" bIns="60957" rtlCol="0">
            <a:spAutoFit/>
          </a:bodyPr>
          <a:lstStyle/>
          <a:p>
            <a:r>
              <a:rPr lang="en-US" sz="1400">
                <a:solidFill>
                  <a:schemeClr val="bg2">
                    <a:lumMod val="25000"/>
                  </a:schemeClr>
                </a:solidFill>
                <a:latin typeface="+mj-lt"/>
                <a:ea typeface="Seravek" charset="0"/>
                <a:cs typeface="Seravek" charset="0"/>
              </a:rPr>
              <a:t>Target ion source service connections</a:t>
            </a:r>
            <a:endParaRPr lang="en-CA" sz="1400">
              <a:solidFill>
                <a:schemeClr val="bg2">
                  <a:lumMod val="25000"/>
                </a:schemeClr>
              </a:solidFill>
              <a:latin typeface="+mj-lt"/>
              <a:ea typeface="Seravek" charset="0"/>
              <a:cs typeface="Seravek" charset="0"/>
            </a:endParaRPr>
          </a:p>
        </p:txBody>
      </p: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552CE215-C485-B642-9CC0-369734FFDB88}"/>
              </a:ext>
            </a:extLst>
          </p:cNvPr>
          <p:cNvCxnSpPr>
            <a:cxnSpLocks/>
          </p:cNvCxnSpPr>
          <p:nvPr/>
        </p:nvCxnSpPr>
        <p:spPr>
          <a:xfrm>
            <a:off x="3291045" y="2561040"/>
            <a:ext cx="1" cy="472211"/>
          </a:xfrm>
          <a:prstGeom prst="straightConnector1">
            <a:avLst/>
          </a:prstGeom>
          <a:ln w="19050">
            <a:solidFill>
              <a:srgbClr val="C00000"/>
            </a:solidFill>
            <a:headEnd type="none" w="med" len="med"/>
            <a:tailEnd type="triangl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DC1CE9B1-8E64-0642-9CBC-3488962A1B83}"/>
              </a:ext>
            </a:extLst>
          </p:cNvPr>
          <p:cNvCxnSpPr>
            <a:cxnSpLocks/>
          </p:cNvCxnSpPr>
          <p:nvPr/>
        </p:nvCxnSpPr>
        <p:spPr>
          <a:xfrm flipH="1">
            <a:off x="2803044" y="2551392"/>
            <a:ext cx="488001" cy="0"/>
          </a:xfrm>
          <a:prstGeom prst="straightConnector1">
            <a:avLst/>
          </a:prstGeom>
          <a:ln w="19050">
            <a:solidFill>
              <a:srgbClr val="C00000"/>
            </a:solidFill>
            <a:headEnd type="none" w="med" len="med"/>
            <a:tailEnd type="triangl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Rectangle 1">
            <a:extLst>
              <a:ext uri="{FF2B5EF4-FFF2-40B4-BE49-F238E27FC236}">
                <a16:creationId xmlns:a16="http://schemas.microsoft.com/office/drawing/2014/main" id="{27453292-CF0A-59EF-A8F1-4C48E82B525B}"/>
              </a:ext>
            </a:extLst>
          </p:cNvPr>
          <p:cNvSpPr/>
          <p:nvPr/>
        </p:nvSpPr>
        <p:spPr>
          <a:xfrm>
            <a:off x="4321189" y="1378527"/>
            <a:ext cx="6997975" cy="4343399"/>
          </a:xfrm>
          <a:prstGeom prst="rect">
            <a:avLst/>
          </a:prstGeom>
          <a:noFill/>
          <a:ln w="28575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EBD18C4-4B43-BB5A-9612-1A1B9FF18B61}"/>
              </a:ext>
            </a:extLst>
          </p:cNvPr>
          <p:cNvSpPr txBox="1"/>
          <p:nvPr/>
        </p:nvSpPr>
        <p:spPr>
          <a:xfrm>
            <a:off x="9101011" y="5964564"/>
            <a:ext cx="6116320" cy="29642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9050" marR="5080" lvl="1">
              <a:lnSpc>
                <a:spcPct val="100699"/>
              </a:lnSpc>
              <a:spcBef>
                <a:spcPts val="95"/>
              </a:spcBef>
              <a:buClr>
                <a:srgbClr val="00B0F0"/>
              </a:buClr>
            </a:pPr>
            <a:r>
              <a:rPr lang="en-US" sz="1400">
                <a:solidFill>
                  <a:srgbClr val="00B0F0"/>
                </a:solidFill>
                <a:latin typeface="Arial"/>
                <a:cs typeface="Arial"/>
              </a:rPr>
              <a:t>→ Corina </a:t>
            </a:r>
            <a:r>
              <a:rPr lang="en-US" sz="1400" err="1">
                <a:solidFill>
                  <a:srgbClr val="00B0F0"/>
                </a:solidFill>
                <a:latin typeface="Arial"/>
                <a:cs typeface="Arial"/>
              </a:rPr>
              <a:t>Andreoiu</a:t>
            </a:r>
            <a:r>
              <a:rPr lang="en-US" sz="1400">
                <a:solidFill>
                  <a:srgbClr val="00B0F0"/>
                </a:solidFill>
                <a:latin typeface="Arial"/>
                <a:cs typeface="Arial"/>
              </a:rPr>
              <a:t>, PS-1-3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B92EDBC-5D69-1F41-BD93-34270DB95137}"/>
              </a:ext>
            </a:extLst>
          </p:cNvPr>
          <p:cNvSpPr txBox="1"/>
          <p:nvPr/>
        </p:nvSpPr>
        <p:spPr>
          <a:xfrm>
            <a:off x="-391955" y="5326003"/>
            <a:ext cx="7366000" cy="98777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765175" marR="5080" lvl="1" indent="-307975">
              <a:lnSpc>
                <a:spcPct val="100699"/>
              </a:lnSpc>
              <a:spcBef>
                <a:spcPts val="95"/>
              </a:spcBef>
              <a:buClr>
                <a:srgbClr val="00B0F0"/>
              </a:buClr>
            </a:pPr>
            <a:r>
              <a:rPr lang="en-US" sz="1400">
                <a:solidFill>
                  <a:srgbClr val="00B0F0"/>
                </a:solidFill>
                <a:latin typeface="Arial"/>
                <a:cs typeface="Arial"/>
              </a:rPr>
              <a:t>→ Jens Lassen, </a:t>
            </a:r>
          </a:p>
          <a:p>
            <a:pPr marL="682625" marR="5080" lvl="1">
              <a:lnSpc>
                <a:spcPct val="100699"/>
              </a:lnSpc>
              <a:spcBef>
                <a:spcPts val="95"/>
              </a:spcBef>
              <a:buClr>
                <a:srgbClr val="00B0F0"/>
              </a:buClr>
            </a:pPr>
            <a:r>
              <a:rPr lang="en-US" sz="1400">
                <a:solidFill>
                  <a:srgbClr val="00B0F0"/>
                </a:solidFill>
                <a:latin typeface="Arial"/>
                <a:cs typeface="Arial"/>
              </a:rPr>
              <a:t>Mon, oral</a:t>
            </a:r>
          </a:p>
          <a:p>
            <a:pPr marR="5080" lvl="1">
              <a:lnSpc>
                <a:spcPct val="100699"/>
              </a:lnSpc>
              <a:spcBef>
                <a:spcPts val="95"/>
              </a:spcBef>
              <a:buClr>
                <a:srgbClr val="00B0F0"/>
              </a:buClr>
            </a:pPr>
            <a:r>
              <a:rPr lang="en-US" sz="1400">
                <a:solidFill>
                  <a:srgbClr val="00B0F0"/>
                </a:solidFill>
                <a:latin typeface="Arial"/>
                <a:cs typeface="Arial"/>
              </a:rPr>
              <a:t>→ Fernando Maldonado, </a:t>
            </a:r>
          </a:p>
          <a:p>
            <a:pPr marL="682625" marR="5080" lvl="1">
              <a:lnSpc>
                <a:spcPct val="100699"/>
              </a:lnSpc>
              <a:spcBef>
                <a:spcPts val="95"/>
              </a:spcBef>
              <a:buClr>
                <a:srgbClr val="00B0F0"/>
              </a:buClr>
            </a:pPr>
            <a:r>
              <a:rPr lang="en-US" sz="1400">
                <a:solidFill>
                  <a:srgbClr val="00B0F0"/>
                </a:solidFill>
                <a:latin typeface="Arial"/>
                <a:cs typeface="Arial"/>
              </a:rPr>
              <a:t>PS-1-19  </a:t>
            </a:r>
          </a:p>
        </p:txBody>
      </p:sp>
    </p:spTree>
    <p:extLst>
      <p:ext uri="{BB962C8B-B14F-4D97-AF65-F5344CB8AC3E}">
        <p14:creationId xmlns:p14="http://schemas.microsoft.com/office/powerpoint/2010/main" val="488749816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1BDA8E-B187-9544-AD26-21658DA223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400"/>
              <a:t>ARIEL </a:t>
            </a:r>
            <a:r>
              <a:rPr lang="en-US" sz="2400" err="1"/>
              <a:t>Targetry</a:t>
            </a:r>
            <a:r>
              <a:rPr lang="en-US" sz="2400"/>
              <a:t>: Green-Field ISOL Technology 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B19F21B-3D00-4543-90FC-E05E33DC102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4141" b="5576"/>
          <a:stretch/>
        </p:blipFill>
        <p:spPr>
          <a:xfrm>
            <a:off x="87447" y="830784"/>
            <a:ext cx="3017710" cy="5196432"/>
          </a:xfrm>
          <a:prstGeom prst="rect">
            <a:avLst/>
          </a:prstGeom>
        </p:spPr>
      </p:pic>
      <p:pic>
        <p:nvPicPr>
          <p:cNvPr id="4" name="Picture 2">
            <a:extLst>
              <a:ext uri="{FF2B5EF4-FFF2-40B4-BE49-F238E27FC236}">
                <a16:creationId xmlns:a16="http://schemas.microsoft.com/office/drawing/2014/main" id="{1A160239-4955-3941-969C-C59767A05AB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494079" y="1011523"/>
            <a:ext cx="3953021" cy="48349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28617A32-BE21-3541-B027-F261F1399B52}"/>
              </a:ext>
            </a:extLst>
          </p:cNvPr>
          <p:cNvSpPr/>
          <p:nvPr/>
        </p:nvSpPr>
        <p:spPr>
          <a:xfrm>
            <a:off x="6447100" y="898659"/>
            <a:ext cx="5744899" cy="5078313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lvl="0" defTabSz="457200"/>
            <a:r>
              <a:rPr lang="en-US" b="1">
                <a:solidFill>
                  <a:srgbClr val="44546A">
                    <a:lumMod val="75000"/>
                  </a:srgbClr>
                </a:solidFill>
              </a:rPr>
              <a:t>ISAC inspired: 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Module, crane, hot-cell-based handling paradigm</a:t>
            </a:r>
          </a:p>
          <a:p>
            <a:pPr marL="342900" lvl="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Compact shielding with radiation hard components at beam level and sensitive equipment on top of shielding</a:t>
            </a:r>
          </a:p>
          <a:p>
            <a:pPr marL="342900" lvl="0" indent="-342900" defTabSz="457200">
              <a:buFont typeface="Arial" panose="020B0604020202020204" pitchFamily="34" charset="0"/>
              <a:buChar char="•"/>
            </a:pPr>
            <a:endParaRPr lang="en-US">
              <a:solidFill>
                <a:srgbClr val="44546A">
                  <a:lumMod val="75000"/>
                </a:srgbClr>
              </a:solidFill>
            </a:endParaRPr>
          </a:p>
          <a:p>
            <a:pPr lvl="0" defTabSz="457200"/>
            <a:r>
              <a:rPr lang="en-US" b="1">
                <a:solidFill>
                  <a:srgbClr val="44546A">
                    <a:lumMod val="75000"/>
                  </a:srgbClr>
                </a:solidFill>
              </a:rPr>
              <a:t>Externally inspired: 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Hermetic target unit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Flexible and efficient direct target exchange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endParaRPr lang="en-US">
              <a:solidFill>
                <a:srgbClr val="44546A">
                  <a:lumMod val="75000"/>
                </a:srgbClr>
              </a:solidFill>
            </a:endParaRPr>
          </a:p>
          <a:p>
            <a:pPr lvl="0" defTabSz="457200"/>
            <a:r>
              <a:rPr lang="en-US" b="1">
                <a:solidFill>
                  <a:srgbClr val="44546A">
                    <a:lumMod val="75000"/>
                  </a:srgbClr>
                </a:solidFill>
              </a:rPr>
              <a:t>New: 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 err="1">
                <a:solidFill>
                  <a:srgbClr val="44546A">
                    <a:lumMod val="75000"/>
                  </a:srgbClr>
                </a:solidFill>
              </a:rPr>
              <a:t>GGy</a:t>
            </a:r>
            <a:r>
              <a:rPr lang="en-US">
                <a:solidFill>
                  <a:srgbClr val="44546A">
                    <a:lumMod val="75000"/>
                  </a:srgbClr>
                </a:solidFill>
              </a:rPr>
              <a:t> – level radiation hard technology 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Consistent remote repair and decommissioning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Reduced material activation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Superior power management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r>
              <a:rPr lang="en-US">
                <a:solidFill>
                  <a:srgbClr val="44546A">
                    <a:lumMod val="75000"/>
                  </a:srgbClr>
                </a:solidFill>
              </a:rPr>
              <a:t>Improved HV design and reliability </a:t>
            </a:r>
          </a:p>
          <a:p>
            <a:pPr marL="342900" indent="-342900" defTabSz="457200">
              <a:buFont typeface="Arial" panose="020B0604020202020204" pitchFamily="34" charset="0"/>
              <a:buChar char="•"/>
            </a:pPr>
            <a:endParaRPr lang="en-US">
              <a:solidFill>
                <a:srgbClr val="44546A">
                  <a:lumMod val="75000"/>
                </a:srgbClr>
              </a:solidFill>
            </a:endParaRPr>
          </a:p>
          <a:p>
            <a:pPr defTabSz="457200"/>
            <a:r>
              <a:rPr lang="en-US" b="1">
                <a:solidFill>
                  <a:srgbClr val="44546A">
                    <a:lumMod val="75000"/>
                  </a:srgbClr>
                </a:solidFill>
              </a:rPr>
              <a:t>Prototype tests completed</a:t>
            </a:r>
          </a:p>
        </p:txBody>
      </p:sp>
    </p:spTree>
    <p:extLst>
      <p:ext uri="{BB962C8B-B14F-4D97-AF65-F5344CB8AC3E}">
        <p14:creationId xmlns:p14="http://schemas.microsoft.com/office/powerpoint/2010/main" val="540089252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AE1EC0-67C0-CFAC-CA80-9DD36C327C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400"/>
              <a:t>Electron-Driven ISOL Power Management</a:t>
            </a:r>
          </a:p>
        </p:txBody>
      </p:sp>
      <p:grpSp>
        <p:nvGrpSpPr>
          <p:cNvPr id="991" name="Group 990">
            <a:extLst>
              <a:ext uri="{FF2B5EF4-FFF2-40B4-BE49-F238E27FC236}">
                <a16:creationId xmlns:a16="http://schemas.microsoft.com/office/drawing/2014/main" id="{F2A7EC4D-ACD9-6043-B6FA-0A415033C34E}"/>
              </a:ext>
            </a:extLst>
          </p:cNvPr>
          <p:cNvGrpSpPr/>
          <p:nvPr/>
        </p:nvGrpSpPr>
        <p:grpSpPr>
          <a:xfrm>
            <a:off x="576057" y="746797"/>
            <a:ext cx="3259925" cy="2019768"/>
            <a:chOff x="492784" y="555721"/>
            <a:chExt cx="2590900" cy="1605257"/>
          </a:xfrm>
        </p:grpSpPr>
        <p:sp>
          <p:nvSpPr>
            <p:cNvPr id="580" name="object 42">
              <a:extLst>
                <a:ext uri="{FF2B5EF4-FFF2-40B4-BE49-F238E27FC236}">
                  <a16:creationId xmlns:a16="http://schemas.microsoft.com/office/drawing/2014/main" id="{90B3D07A-AE6A-172F-170A-FEE8B98310E0}"/>
                </a:ext>
              </a:extLst>
            </p:cNvPr>
            <p:cNvSpPr/>
            <p:nvPr/>
          </p:nvSpPr>
          <p:spPr>
            <a:xfrm>
              <a:off x="1648901" y="816916"/>
              <a:ext cx="581025" cy="1274445"/>
            </a:xfrm>
            <a:custGeom>
              <a:avLst/>
              <a:gdLst/>
              <a:ahLst/>
              <a:cxnLst/>
              <a:rect l="l" t="t" r="r" b="b"/>
              <a:pathLst>
                <a:path w="581025" h="1274445">
                  <a:moveTo>
                    <a:pt x="12654" y="0"/>
                  </a:moveTo>
                  <a:lnTo>
                    <a:pt x="0" y="1266893"/>
                  </a:lnTo>
                  <a:lnTo>
                    <a:pt x="568029" y="1274285"/>
                  </a:lnTo>
                  <a:lnTo>
                    <a:pt x="580683" y="7392"/>
                  </a:lnTo>
                  <a:lnTo>
                    <a:pt x="12654" y="0"/>
                  </a:lnTo>
                  <a:close/>
                </a:path>
              </a:pathLst>
            </a:custGeom>
            <a:solidFill>
              <a:srgbClr val="59595C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1" name="object 43">
              <a:extLst>
                <a:ext uri="{FF2B5EF4-FFF2-40B4-BE49-F238E27FC236}">
                  <a16:creationId xmlns:a16="http://schemas.microsoft.com/office/drawing/2014/main" id="{502E4BB0-BAD4-3D68-2A29-69CC0CC5E0EE}"/>
                </a:ext>
              </a:extLst>
            </p:cNvPr>
            <p:cNvSpPr/>
            <p:nvPr/>
          </p:nvSpPr>
          <p:spPr>
            <a:xfrm>
              <a:off x="1648901" y="816916"/>
              <a:ext cx="581025" cy="1274445"/>
            </a:xfrm>
            <a:custGeom>
              <a:avLst/>
              <a:gdLst/>
              <a:ahLst/>
              <a:cxnLst/>
              <a:rect l="l" t="t" r="r" b="b"/>
              <a:pathLst>
                <a:path w="581025" h="1274445">
                  <a:moveTo>
                    <a:pt x="0" y="1266893"/>
                  </a:moveTo>
                  <a:lnTo>
                    <a:pt x="12654" y="0"/>
                  </a:lnTo>
                  <a:lnTo>
                    <a:pt x="580683" y="7392"/>
                  </a:lnTo>
                  <a:lnTo>
                    <a:pt x="568029" y="1274285"/>
                  </a:lnTo>
                  <a:lnTo>
                    <a:pt x="0" y="1266893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2" name="object 44">
              <a:extLst>
                <a:ext uri="{FF2B5EF4-FFF2-40B4-BE49-F238E27FC236}">
                  <a16:creationId xmlns:a16="http://schemas.microsoft.com/office/drawing/2014/main" id="{300DF8CD-B7C1-BC38-17F1-DB6818C42615}"/>
                </a:ext>
              </a:extLst>
            </p:cNvPr>
            <p:cNvSpPr/>
            <p:nvPr/>
          </p:nvSpPr>
          <p:spPr>
            <a:xfrm>
              <a:off x="2178167" y="1361890"/>
              <a:ext cx="184335" cy="184341"/>
            </a:xfrm>
            <a:prstGeom prst="rect">
              <a:avLst/>
            </a:prstGeom>
            <a:blipFill>
              <a:blip r:embed="rId3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3" name="object 45">
              <a:extLst>
                <a:ext uri="{FF2B5EF4-FFF2-40B4-BE49-F238E27FC236}">
                  <a16:creationId xmlns:a16="http://schemas.microsoft.com/office/drawing/2014/main" id="{F81A6D67-C028-75BC-A052-6183475A2591}"/>
                </a:ext>
              </a:extLst>
            </p:cNvPr>
            <p:cNvSpPr/>
            <p:nvPr/>
          </p:nvSpPr>
          <p:spPr>
            <a:xfrm>
              <a:off x="1461641" y="589988"/>
              <a:ext cx="467995" cy="1570990"/>
            </a:xfrm>
            <a:custGeom>
              <a:avLst/>
              <a:gdLst/>
              <a:ahLst/>
              <a:cxnLst/>
              <a:rect l="l" t="t" r="r" b="b"/>
              <a:pathLst>
                <a:path w="467995" h="1570989">
                  <a:moveTo>
                    <a:pt x="467675" y="0"/>
                  </a:moveTo>
                  <a:lnTo>
                    <a:pt x="0" y="377548"/>
                  </a:lnTo>
                  <a:lnTo>
                    <a:pt x="0" y="1193048"/>
                  </a:lnTo>
                  <a:lnTo>
                    <a:pt x="467669" y="1570596"/>
                  </a:lnTo>
                  <a:lnTo>
                    <a:pt x="467675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4" name="object 46">
              <a:extLst>
                <a:ext uri="{FF2B5EF4-FFF2-40B4-BE49-F238E27FC236}">
                  <a16:creationId xmlns:a16="http://schemas.microsoft.com/office/drawing/2014/main" id="{3A161AB8-4033-DBA0-21DA-E31C810ADF62}"/>
                </a:ext>
              </a:extLst>
            </p:cNvPr>
            <p:cNvSpPr/>
            <p:nvPr/>
          </p:nvSpPr>
          <p:spPr>
            <a:xfrm>
              <a:off x="1253345" y="950493"/>
              <a:ext cx="0" cy="983615"/>
            </a:xfrm>
            <a:custGeom>
              <a:avLst/>
              <a:gdLst/>
              <a:ahLst/>
              <a:cxnLst/>
              <a:rect l="l" t="t" r="r" b="b"/>
              <a:pathLst>
                <a:path h="983614">
                  <a:moveTo>
                    <a:pt x="0" y="0"/>
                  </a:moveTo>
                  <a:lnTo>
                    <a:pt x="0" y="983248"/>
                  </a:lnTo>
                </a:path>
              </a:pathLst>
            </a:custGeom>
            <a:ln w="31185">
              <a:solidFill>
                <a:srgbClr val="59595C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5" name="object 47">
              <a:extLst>
                <a:ext uri="{FF2B5EF4-FFF2-40B4-BE49-F238E27FC236}">
                  <a16:creationId xmlns:a16="http://schemas.microsoft.com/office/drawing/2014/main" id="{21CB094B-19D4-57DC-FFDA-D6CE50F7E032}"/>
                </a:ext>
              </a:extLst>
            </p:cNvPr>
            <p:cNvSpPr/>
            <p:nvPr/>
          </p:nvSpPr>
          <p:spPr>
            <a:xfrm>
              <a:off x="1268931" y="950493"/>
              <a:ext cx="185420" cy="983615"/>
            </a:xfrm>
            <a:custGeom>
              <a:avLst/>
              <a:gdLst/>
              <a:ahLst/>
              <a:cxnLst/>
              <a:rect l="l" t="t" r="r" b="b"/>
              <a:pathLst>
                <a:path w="185420" h="983614">
                  <a:moveTo>
                    <a:pt x="0" y="0"/>
                  </a:moveTo>
                  <a:lnTo>
                    <a:pt x="185206" y="0"/>
                  </a:lnTo>
                  <a:lnTo>
                    <a:pt x="185206" y="983248"/>
                  </a:lnTo>
                  <a:lnTo>
                    <a:pt x="0" y="9832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231F20">
                <a:alpha val="41998"/>
              </a:srgbClr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6" name="object 48">
              <a:extLst>
                <a:ext uri="{FF2B5EF4-FFF2-40B4-BE49-F238E27FC236}">
                  <a16:creationId xmlns:a16="http://schemas.microsoft.com/office/drawing/2014/main" id="{42F64ACF-25A7-1557-A4E7-7AD84062F9F2}"/>
                </a:ext>
              </a:extLst>
            </p:cNvPr>
            <p:cNvSpPr txBox="1"/>
            <p:nvPr/>
          </p:nvSpPr>
          <p:spPr>
            <a:xfrm>
              <a:off x="649642" y="1080074"/>
              <a:ext cx="211454" cy="246141"/>
            </a:xfrm>
            <a:prstGeom prst="rect">
              <a:avLst/>
            </a:prstGeom>
          </p:spPr>
          <p:txBody>
            <a:bodyPr vert="horz" wrap="square" lIns="0" tIns="1714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35"/>
                </a:spcBef>
              </a:pPr>
              <a:r>
                <a:rPr sz="2100" spc="75" baseline="-23809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e</a:t>
              </a:r>
              <a:r>
                <a:rPr sz="1900" spc="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-</a:t>
              </a:r>
              <a:endParaRPr sz="190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587" name="object 49">
              <a:extLst>
                <a:ext uri="{FF2B5EF4-FFF2-40B4-BE49-F238E27FC236}">
                  <a16:creationId xmlns:a16="http://schemas.microsoft.com/office/drawing/2014/main" id="{C9FE43B1-C9A8-0AC8-159A-1F3B2EA2CF80}"/>
                </a:ext>
              </a:extLst>
            </p:cNvPr>
            <p:cNvSpPr/>
            <p:nvPr/>
          </p:nvSpPr>
          <p:spPr>
            <a:xfrm>
              <a:off x="503111" y="1323461"/>
              <a:ext cx="129815" cy="12981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8" name="object 50">
              <a:extLst>
                <a:ext uri="{FF2B5EF4-FFF2-40B4-BE49-F238E27FC236}">
                  <a16:creationId xmlns:a16="http://schemas.microsoft.com/office/drawing/2014/main" id="{807F02E8-23C3-E321-1095-09113B5B26E7}"/>
                </a:ext>
              </a:extLst>
            </p:cNvPr>
            <p:cNvSpPr/>
            <p:nvPr/>
          </p:nvSpPr>
          <p:spPr>
            <a:xfrm>
              <a:off x="509026" y="1466878"/>
              <a:ext cx="791845" cy="0"/>
            </a:xfrm>
            <a:custGeom>
              <a:avLst/>
              <a:gdLst/>
              <a:ahLst/>
              <a:cxnLst/>
              <a:rect l="l" t="t" r="r" b="b"/>
              <a:pathLst>
                <a:path w="791845">
                  <a:moveTo>
                    <a:pt x="0" y="0"/>
                  </a:moveTo>
                  <a:lnTo>
                    <a:pt x="791640" y="0"/>
                  </a:lnTo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9" name="object 51">
              <a:extLst>
                <a:ext uri="{FF2B5EF4-FFF2-40B4-BE49-F238E27FC236}">
                  <a16:creationId xmlns:a16="http://schemas.microsoft.com/office/drawing/2014/main" id="{EA39CC1B-E8B8-183B-7E04-3858B9443983}"/>
                </a:ext>
              </a:extLst>
            </p:cNvPr>
            <p:cNvSpPr/>
            <p:nvPr/>
          </p:nvSpPr>
          <p:spPr>
            <a:xfrm>
              <a:off x="509030" y="1466878"/>
              <a:ext cx="709930" cy="0"/>
            </a:xfrm>
            <a:custGeom>
              <a:avLst/>
              <a:gdLst/>
              <a:ahLst/>
              <a:cxnLst/>
              <a:rect l="l" t="t" r="r" b="b"/>
              <a:pathLst>
                <a:path w="709929">
                  <a:moveTo>
                    <a:pt x="709430" y="0"/>
                  </a:moveTo>
                  <a:lnTo>
                    <a:pt x="0" y="0"/>
                  </a:lnTo>
                </a:path>
              </a:pathLst>
            </a:custGeom>
            <a:ln w="35797">
              <a:solidFill>
                <a:srgbClr val="0C679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0" name="object 52">
              <a:extLst>
                <a:ext uri="{FF2B5EF4-FFF2-40B4-BE49-F238E27FC236}">
                  <a16:creationId xmlns:a16="http://schemas.microsoft.com/office/drawing/2014/main" id="{2EDC4840-E875-BC24-1B3C-9246A22871F0}"/>
                </a:ext>
              </a:extLst>
            </p:cNvPr>
            <p:cNvSpPr/>
            <p:nvPr/>
          </p:nvSpPr>
          <p:spPr>
            <a:xfrm>
              <a:off x="1201747" y="1409759"/>
              <a:ext cx="99060" cy="114300"/>
            </a:xfrm>
            <a:custGeom>
              <a:avLst/>
              <a:gdLst/>
              <a:ahLst/>
              <a:cxnLst/>
              <a:rect l="l" t="t" r="r" b="b"/>
              <a:pathLst>
                <a:path w="99060" h="114300">
                  <a:moveTo>
                    <a:pt x="0" y="0"/>
                  </a:moveTo>
                  <a:lnTo>
                    <a:pt x="0" y="114237"/>
                  </a:lnTo>
                  <a:lnTo>
                    <a:pt x="98921" y="5712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C679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1" name="object 53">
              <a:extLst>
                <a:ext uri="{FF2B5EF4-FFF2-40B4-BE49-F238E27FC236}">
                  <a16:creationId xmlns:a16="http://schemas.microsoft.com/office/drawing/2014/main" id="{E42B0289-5874-A2E8-5027-78F5C74AF7FA}"/>
                </a:ext>
              </a:extLst>
            </p:cNvPr>
            <p:cNvSpPr txBox="1"/>
            <p:nvPr/>
          </p:nvSpPr>
          <p:spPr>
            <a:xfrm>
              <a:off x="1992002" y="555721"/>
              <a:ext cx="530225" cy="182440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sz="140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Target</a:t>
              </a:r>
            </a:p>
          </p:txBody>
        </p:sp>
        <p:sp>
          <p:nvSpPr>
            <p:cNvPr id="592" name="object 54">
              <a:extLst>
                <a:ext uri="{FF2B5EF4-FFF2-40B4-BE49-F238E27FC236}">
                  <a16:creationId xmlns:a16="http://schemas.microsoft.com/office/drawing/2014/main" id="{214EBA89-3D04-A3F9-3BCF-DFA13F4608C5}"/>
                </a:ext>
              </a:extLst>
            </p:cNvPr>
            <p:cNvSpPr txBox="1"/>
            <p:nvPr/>
          </p:nvSpPr>
          <p:spPr>
            <a:xfrm>
              <a:off x="492784" y="724396"/>
              <a:ext cx="798830" cy="182440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sz="1400" spc="-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Converter</a:t>
              </a:r>
              <a:endParaRPr sz="140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593" name="object 55">
              <a:extLst>
                <a:ext uri="{FF2B5EF4-FFF2-40B4-BE49-F238E27FC236}">
                  <a16:creationId xmlns:a16="http://schemas.microsoft.com/office/drawing/2014/main" id="{4605B115-6B46-BD19-EBCB-51E51FA4AFC3}"/>
                </a:ext>
              </a:extLst>
            </p:cNvPr>
            <p:cNvSpPr txBox="1"/>
            <p:nvPr/>
          </p:nvSpPr>
          <p:spPr>
            <a:xfrm>
              <a:off x="1592170" y="1199330"/>
              <a:ext cx="128905" cy="250218"/>
            </a:xfrm>
            <a:prstGeom prst="rect">
              <a:avLst/>
            </a:prstGeom>
          </p:spPr>
          <p:txBody>
            <a:bodyPr vert="horz" wrap="square" lIns="0" tIns="14604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4"/>
                </a:spcBef>
              </a:pPr>
              <a:r>
                <a:rPr sz="1950" spc="35">
                  <a:solidFill>
                    <a:schemeClr val="bg2">
                      <a:lumMod val="25000"/>
                    </a:schemeClr>
                  </a:solidFill>
                  <a:latin typeface="Calibri"/>
                  <a:cs typeface="Calibri"/>
                </a:rPr>
                <a:t>γ</a:t>
              </a:r>
              <a:endParaRPr sz="1950">
                <a:solidFill>
                  <a:schemeClr val="bg2">
                    <a:lumMod val="25000"/>
                  </a:schemeClr>
                </a:solidFill>
                <a:latin typeface="Calibri"/>
                <a:cs typeface="Calibri"/>
              </a:endParaRPr>
            </a:p>
          </p:txBody>
        </p:sp>
        <p:sp>
          <p:nvSpPr>
            <p:cNvPr id="5" name="object 53">
              <a:extLst>
                <a:ext uri="{FF2B5EF4-FFF2-40B4-BE49-F238E27FC236}">
                  <a16:creationId xmlns:a16="http://schemas.microsoft.com/office/drawing/2014/main" id="{36735ED2-4476-1C74-C868-991EC263EE54}"/>
                </a:ext>
              </a:extLst>
            </p:cNvPr>
            <p:cNvSpPr txBox="1"/>
            <p:nvPr/>
          </p:nvSpPr>
          <p:spPr>
            <a:xfrm>
              <a:off x="2448163" y="1215476"/>
              <a:ext cx="635521" cy="353669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lang="en-US" sz="140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Ion source</a:t>
              </a:r>
              <a:endParaRPr sz="140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</p:grpSp>
      <p:grpSp>
        <p:nvGrpSpPr>
          <p:cNvPr id="990" name="Group 989">
            <a:extLst>
              <a:ext uri="{FF2B5EF4-FFF2-40B4-BE49-F238E27FC236}">
                <a16:creationId xmlns:a16="http://schemas.microsoft.com/office/drawing/2014/main" id="{C70177B9-EA54-AC4E-1D49-647016460A05}"/>
              </a:ext>
            </a:extLst>
          </p:cNvPr>
          <p:cNvGrpSpPr/>
          <p:nvPr/>
        </p:nvGrpSpPr>
        <p:grpSpPr>
          <a:xfrm>
            <a:off x="360841" y="2398211"/>
            <a:ext cx="5774323" cy="3153777"/>
            <a:chOff x="505871" y="391114"/>
            <a:chExt cx="5774323" cy="3153777"/>
          </a:xfrm>
        </p:grpSpPr>
        <p:sp>
          <p:nvSpPr>
            <p:cNvPr id="577" name="object 39">
              <a:extLst>
                <a:ext uri="{FF2B5EF4-FFF2-40B4-BE49-F238E27FC236}">
                  <a16:creationId xmlns:a16="http://schemas.microsoft.com/office/drawing/2014/main" id="{17B0E42B-64DC-20B8-6D01-604D44E42AC3}"/>
                </a:ext>
              </a:extLst>
            </p:cNvPr>
            <p:cNvSpPr/>
            <p:nvPr/>
          </p:nvSpPr>
          <p:spPr>
            <a:xfrm>
              <a:off x="505871" y="2935241"/>
              <a:ext cx="1874520" cy="385445"/>
            </a:xfrm>
            <a:custGeom>
              <a:avLst/>
              <a:gdLst/>
              <a:ahLst/>
              <a:cxnLst/>
              <a:rect l="l" t="t" r="r" b="b"/>
              <a:pathLst>
                <a:path w="1874520" h="385445">
                  <a:moveTo>
                    <a:pt x="0" y="0"/>
                  </a:moveTo>
                  <a:lnTo>
                    <a:pt x="1874180" y="0"/>
                  </a:lnTo>
                  <a:lnTo>
                    <a:pt x="1874180" y="385286"/>
                  </a:lnTo>
                  <a:lnTo>
                    <a:pt x="0" y="385286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C679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5" name="object 57">
              <a:extLst>
                <a:ext uri="{FF2B5EF4-FFF2-40B4-BE49-F238E27FC236}">
                  <a16:creationId xmlns:a16="http://schemas.microsoft.com/office/drawing/2014/main" id="{6F8E30BA-FD6C-47BD-DFA9-402C85048153}"/>
                </a:ext>
              </a:extLst>
            </p:cNvPr>
            <p:cNvSpPr/>
            <p:nvPr/>
          </p:nvSpPr>
          <p:spPr>
            <a:xfrm>
              <a:off x="3152030" y="2928174"/>
              <a:ext cx="124460" cy="413384"/>
            </a:xfrm>
            <a:custGeom>
              <a:avLst/>
              <a:gdLst/>
              <a:ahLst/>
              <a:cxnLst/>
              <a:rect l="l" t="t" r="r" b="b"/>
              <a:pathLst>
                <a:path w="124459" h="413385">
                  <a:moveTo>
                    <a:pt x="122810" y="0"/>
                  </a:moveTo>
                  <a:lnTo>
                    <a:pt x="0" y="99697"/>
                  </a:lnTo>
                  <a:lnTo>
                    <a:pt x="584" y="314317"/>
                  </a:lnTo>
                  <a:lnTo>
                    <a:pt x="123938" y="413346"/>
                  </a:lnTo>
                  <a:lnTo>
                    <a:pt x="122810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6" name="object 58">
              <a:extLst>
                <a:ext uri="{FF2B5EF4-FFF2-40B4-BE49-F238E27FC236}">
                  <a16:creationId xmlns:a16="http://schemas.microsoft.com/office/drawing/2014/main" id="{D29B0906-23AA-785A-A387-45C69253CE63}"/>
                </a:ext>
              </a:extLst>
            </p:cNvPr>
            <p:cNvSpPr/>
            <p:nvPr/>
          </p:nvSpPr>
          <p:spPr>
            <a:xfrm>
              <a:off x="3154318" y="3003320"/>
              <a:ext cx="0" cy="259079"/>
            </a:xfrm>
            <a:custGeom>
              <a:avLst/>
              <a:gdLst/>
              <a:ahLst/>
              <a:cxnLst/>
              <a:rect l="l" t="t" r="r" b="b"/>
              <a:pathLst>
                <a:path h="259079">
                  <a:moveTo>
                    <a:pt x="0" y="0"/>
                  </a:moveTo>
                  <a:lnTo>
                    <a:pt x="0" y="258788"/>
                  </a:lnTo>
                </a:path>
              </a:pathLst>
            </a:custGeom>
            <a:ln w="8907">
              <a:solidFill>
                <a:srgbClr val="59595C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7" name="object 59">
              <a:extLst>
                <a:ext uri="{FF2B5EF4-FFF2-40B4-BE49-F238E27FC236}">
                  <a16:creationId xmlns:a16="http://schemas.microsoft.com/office/drawing/2014/main" id="{1898739D-6FF4-EB16-D87C-658B412C8672}"/>
                </a:ext>
              </a:extLst>
            </p:cNvPr>
            <p:cNvSpPr/>
            <p:nvPr/>
          </p:nvSpPr>
          <p:spPr>
            <a:xfrm>
              <a:off x="3182789" y="3003186"/>
              <a:ext cx="0" cy="259079"/>
            </a:xfrm>
            <a:custGeom>
              <a:avLst/>
              <a:gdLst/>
              <a:ahLst/>
              <a:cxnLst/>
              <a:rect l="l" t="t" r="r" b="b"/>
              <a:pathLst>
                <a:path h="259079">
                  <a:moveTo>
                    <a:pt x="0" y="0"/>
                  </a:moveTo>
                  <a:lnTo>
                    <a:pt x="0" y="258896"/>
                  </a:lnTo>
                </a:path>
              </a:pathLst>
            </a:custGeom>
            <a:ln w="49442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8" name="object 60">
              <a:extLst>
                <a:ext uri="{FF2B5EF4-FFF2-40B4-BE49-F238E27FC236}">
                  <a16:creationId xmlns:a16="http://schemas.microsoft.com/office/drawing/2014/main" id="{0B7EAB20-8D60-1858-CEA7-C1BC5ACBE9EA}"/>
                </a:ext>
              </a:extLst>
            </p:cNvPr>
            <p:cNvSpPr txBox="1"/>
            <p:nvPr/>
          </p:nvSpPr>
          <p:spPr>
            <a:xfrm>
              <a:off x="759220" y="3315341"/>
              <a:ext cx="1520190" cy="229550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sz="140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e</a:t>
              </a:r>
              <a:r>
                <a:rPr sz="1200" baseline="312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- </a:t>
              </a:r>
              <a:r>
                <a:rPr sz="140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30 MeV, 100</a:t>
              </a:r>
              <a:r>
                <a:rPr sz="1400" spc="-5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 </a:t>
              </a:r>
              <a:r>
                <a:rPr sz="1400" spc="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kW</a:t>
              </a:r>
              <a:endParaRPr sz="140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599" name="object 61">
              <a:extLst>
                <a:ext uri="{FF2B5EF4-FFF2-40B4-BE49-F238E27FC236}">
                  <a16:creationId xmlns:a16="http://schemas.microsoft.com/office/drawing/2014/main" id="{6B9ED104-79FB-990F-E458-3F4A7CEC29C4}"/>
                </a:ext>
              </a:extLst>
            </p:cNvPr>
            <p:cNvSpPr txBox="1"/>
            <p:nvPr/>
          </p:nvSpPr>
          <p:spPr>
            <a:xfrm rot="19800000">
              <a:off x="3742166" y="732554"/>
              <a:ext cx="806886" cy="179070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10"/>
                </a:lnSpc>
              </a:pPr>
              <a:r>
                <a:rPr sz="140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Separator</a:t>
              </a:r>
            </a:p>
          </p:txBody>
        </p:sp>
        <p:sp>
          <p:nvSpPr>
            <p:cNvPr id="600" name="object 62">
              <a:extLst>
                <a:ext uri="{FF2B5EF4-FFF2-40B4-BE49-F238E27FC236}">
                  <a16:creationId xmlns:a16="http://schemas.microsoft.com/office/drawing/2014/main" id="{CE249330-4BB6-BC5E-61F3-2E35B5D0B872}"/>
                </a:ext>
              </a:extLst>
            </p:cNvPr>
            <p:cNvSpPr txBox="1"/>
            <p:nvPr/>
          </p:nvSpPr>
          <p:spPr>
            <a:xfrm rot="19800000">
              <a:off x="3925292" y="1080588"/>
              <a:ext cx="612242" cy="179070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10"/>
                </a:lnSpc>
              </a:pPr>
              <a:r>
                <a:rPr sz="1400" spc="-2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magnet</a:t>
              </a:r>
              <a:endParaRPr sz="140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01" name="object 63">
              <a:extLst>
                <a:ext uri="{FF2B5EF4-FFF2-40B4-BE49-F238E27FC236}">
                  <a16:creationId xmlns:a16="http://schemas.microsoft.com/office/drawing/2014/main" id="{FBF79B1A-3F22-8046-474E-B0650851FED9}"/>
                </a:ext>
              </a:extLst>
            </p:cNvPr>
            <p:cNvSpPr/>
            <p:nvPr/>
          </p:nvSpPr>
          <p:spPr>
            <a:xfrm>
              <a:off x="3598340" y="2483059"/>
              <a:ext cx="215900" cy="125730"/>
            </a:xfrm>
            <a:custGeom>
              <a:avLst/>
              <a:gdLst/>
              <a:ahLst/>
              <a:cxnLst/>
              <a:rect l="l" t="t" r="r" b="b"/>
              <a:pathLst>
                <a:path w="215900" h="125729">
                  <a:moveTo>
                    <a:pt x="0" y="125405"/>
                  </a:moveTo>
                  <a:lnTo>
                    <a:pt x="215849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02" name="object 64">
              <a:extLst>
                <a:ext uri="{FF2B5EF4-FFF2-40B4-BE49-F238E27FC236}">
                  <a16:creationId xmlns:a16="http://schemas.microsoft.com/office/drawing/2014/main" id="{D9A400E5-4B31-056C-3E75-93C76034C7B2}"/>
                </a:ext>
              </a:extLst>
            </p:cNvPr>
            <p:cNvSpPr/>
            <p:nvPr/>
          </p:nvSpPr>
          <p:spPr>
            <a:xfrm>
              <a:off x="3807851" y="2336327"/>
              <a:ext cx="635" cy="160655"/>
            </a:xfrm>
            <a:custGeom>
              <a:avLst/>
              <a:gdLst/>
              <a:ahLst/>
              <a:cxnLst/>
              <a:rect l="l" t="t" r="r" b="b"/>
              <a:pathLst>
                <a:path w="634" h="160654">
                  <a:moveTo>
                    <a:pt x="214" y="-11932"/>
                  </a:moveTo>
                  <a:lnTo>
                    <a:pt x="214" y="172408"/>
                  </a:lnTo>
                </a:path>
              </a:pathLst>
            </a:custGeom>
            <a:ln w="24294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03" name="object 65">
              <a:extLst>
                <a:ext uri="{FF2B5EF4-FFF2-40B4-BE49-F238E27FC236}">
                  <a16:creationId xmlns:a16="http://schemas.microsoft.com/office/drawing/2014/main" id="{8B3EE2CC-1160-E851-A75B-F506AEDA81D0}"/>
                </a:ext>
              </a:extLst>
            </p:cNvPr>
            <p:cNvSpPr/>
            <p:nvPr/>
          </p:nvSpPr>
          <p:spPr>
            <a:xfrm>
              <a:off x="3301551" y="2484459"/>
              <a:ext cx="216535" cy="124460"/>
            </a:xfrm>
            <a:custGeom>
              <a:avLst/>
              <a:gdLst/>
              <a:ahLst/>
              <a:cxnLst/>
              <a:rect l="l" t="t" r="r" b="b"/>
              <a:pathLst>
                <a:path w="216534" h="124460">
                  <a:moveTo>
                    <a:pt x="216535" y="124224"/>
                  </a:moveTo>
                  <a:lnTo>
                    <a:pt x="0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0" name="object 72">
              <a:extLst>
                <a:ext uri="{FF2B5EF4-FFF2-40B4-BE49-F238E27FC236}">
                  <a16:creationId xmlns:a16="http://schemas.microsoft.com/office/drawing/2014/main" id="{066C7B9B-CEE0-64E8-22F7-E19CF2C6DE78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1" name="object 73">
              <a:extLst>
                <a:ext uri="{FF2B5EF4-FFF2-40B4-BE49-F238E27FC236}">
                  <a16:creationId xmlns:a16="http://schemas.microsoft.com/office/drawing/2014/main" id="{4A1FE233-C829-E9BF-4989-746CA23D65A3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2" name="object 74">
              <a:extLst>
                <a:ext uri="{FF2B5EF4-FFF2-40B4-BE49-F238E27FC236}">
                  <a16:creationId xmlns:a16="http://schemas.microsoft.com/office/drawing/2014/main" id="{E20031BE-278C-C4E8-6D71-379921660E09}"/>
                </a:ext>
              </a:extLst>
            </p:cNvPr>
            <p:cNvSpPr/>
            <p:nvPr/>
          </p:nvSpPr>
          <p:spPr>
            <a:xfrm>
              <a:off x="5074388" y="795437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3" name="object 75">
              <a:extLst>
                <a:ext uri="{FF2B5EF4-FFF2-40B4-BE49-F238E27FC236}">
                  <a16:creationId xmlns:a16="http://schemas.microsoft.com/office/drawing/2014/main" id="{5272A472-12B9-4B6B-DD12-F07B937922D0}"/>
                </a:ext>
              </a:extLst>
            </p:cNvPr>
            <p:cNvSpPr/>
            <p:nvPr/>
          </p:nvSpPr>
          <p:spPr>
            <a:xfrm>
              <a:off x="5061306" y="806616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91" y="0"/>
                  </a:lnTo>
                  <a:lnTo>
                    <a:pt x="0" y="1855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4" name="object 76">
              <a:extLst>
                <a:ext uri="{FF2B5EF4-FFF2-40B4-BE49-F238E27FC236}">
                  <a16:creationId xmlns:a16="http://schemas.microsoft.com/office/drawing/2014/main" id="{D47F72A1-A74D-B91B-24D1-4DBC780F9B9F}"/>
                </a:ext>
              </a:extLst>
            </p:cNvPr>
            <p:cNvSpPr/>
            <p:nvPr/>
          </p:nvSpPr>
          <p:spPr>
            <a:xfrm>
              <a:off x="5064200" y="809934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57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77" y="3717"/>
                  </a:lnTo>
                  <a:lnTo>
                    <a:pt x="10214" y="8555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5" name="object 77">
              <a:extLst>
                <a:ext uri="{FF2B5EF4-FFF2-40B4-BE49-F238E27FC236}">
                  <a16:creationId xmlns:a16="http://schemas.microsoft.com/office/drawing/2014/main" id="{CF7FB455-8A7A-75D7-4557-7C8A8C4CC5F1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6" name="object 78">
              <a:extLst>
                <a:ext uri="{FF2B5EF4-FFF2-40B4-BE49-F238E27FC236}">
                  <a16:creationId xmlns:a16="http://schemas.microsoft.com/office/drawing/2014/main" id="{4828AA82-2FE2-DE2D-99CB-4D3E84D36EDD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7" name="object 79">
              <a:extLst>
                <a:ext uri="{FF2B5EF4-FFF2-40B4-BE49-F238E27FC236}">
                  <a16:creationId xmlns:a16="http://schemas.microsoft.com/office/drawing/2014/main" id="{96EFC5AE-9B6A-BDA1-52AD-A01C58B78E31}"/>
                </a:ext>
              </a:extLst>
            </p:cNvPr>
            <p:cNvSpPr/>
            <p:nvPr/>
          </p:nvSpPr>
          <p:spPr>
            <a:xfrm>
              <a:off x="5074388" y="795437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8" name="object 80">
              <a:extLst>
                <a:ext uri="{FF2B5EF4-FFF2-40B4-BE49-F238E27FC236}">
                  <a16:creationId xmlns:a16="http://schemas.microsoft.com/office/drawing/2014/main" id="{2541D639-760F-9201-7FB8-FA8CC27F3851}"/>
                </a:ext>
              </a:extLst>
            </p:cNvPr>
            <p:cNvSpPr txBox="1"/>
            <p:nvPr/>
          </p:nvSpPr>
          <p:spPr>
            <a:xfrm rot="19800000">
              <a:off x="5046363" y="799459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19" name="object 81">
              <a:extLst>
                <a:ext uri="{FF2B5EF4-FFF2-40B4-BE49-F238E27FC236}">
                  <a16:creationId xmlns:a16="http://schemas.microsoft.com/office/drawing/2014/main" id="{ACEA0086-9A98-1150-D057-ADC522D1541F}"/>
                </a:ext>
              </a:extLst>
            </p:cNvPr>
            <p:cNvSpPr txBox="1"/>
            <p:nvPr/>
          </p:nvSpPr>
          <p:spPr>
            <a:xfrm rot="19800000">
              <a:off x="5068362" y="793198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20" name="object 82">
              <a:extLst>
                <a:ext uri="{FF2B5EF4-FFF2-40B4-BE49-F238E27FC236}">
                  <a16:creationId xmlns:a16="http://schemas.microsoft.com/office/drawing/2014/main" id="{4AF3FF8B-88AD-9394-7C02-6E93671E146F}"/>
                </a:ext>
              </a:extLst>
            </p:cNvPr>
            <p:cNvSpPr/>
            <p:nvPr/>
          </p:nvSpPr>
          <p:spPr>
            <a:xfrm>
              <a:off x="5061306" y="806616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91" y="0"/>
                  </a:lnTo>
                  <a:lnTo>
                    <a:pt x="0" y="1855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1" name="object 83">
              <a:extLst>
                <a:ext uri="{FF2B5EF4-FFF2-40B4-BE49-F238E27FC236}">
                  <a16:creationId xmlns:a16="http://schemas.microsoft.com/office/drawing/2014/main" id="{04AB35F7-D7CA-FC6A-8958-BE0488CF3529}"/>
                </a:ext>
              </a:extLst>
            </p:cNvPr>
            <p:cNvSpPr/>
            <p:nvPr/>
          </p:nvSpPr>
          <p:spPr>
            <a:xfrm>
              <a:off x="5064200" y="809934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57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77" y="3717"/>
                  </a:lnTo>
                  <a:lnTo>
                    <a:pt x="10214" y="8555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2" name="object 84">
              <a:extLst>
                <a:ext uri="{FF2B5EF4-FFF2-40B4-BE49-F238E27FC236}">
                  <a16:creationId xmlns:a16="http://schemas.microsoft.com/office/drawing/2014/main" id="{343E047C-34FA-E776-450E-E87733E54189}"/>
                </a:ext>
              </a:extLst>
            </p:cNvPr>
            <p:cNvSpPr/>
            <p:nvPr/>
          </p:nvSpPr>
          <p:spPr>
            <a:xfrm>
              <a:off x="4828551" y="777131"/>
              <a:ext cx="68522" cy="68520"/>
            </a:xfrm>
            <a:prstGeom prst="rect">
              <a:avLst/>
            </a:prstGeom>
            <a:blipFill>
              <a:blip r:embed="rId5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3" name="object 85">
              <a:extLst>
                <a:ext uri="{FF2B5EF4-FFF2-40B4-BE49-F238E27FC236}">
                  <a16:creationId xmlns:a16="http://schemas.microsoft.com/office/drawing/2014/main" id="{5D6DF2A2-7570-88D5-B239-56E6328B5D83}"/>
                </a:ext>
              </a:extLst>
            </p:cNvPr>
            <p:cNvSpPr txBox="1"/>
            <p:nvPr/>
          </p:nvSpPr>
          <p:spPr>
            <a:xfrm rot="19800000">
              <a:off x="4854788" y="791751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24" name="object 86">
              <a:extLst>
                <a:ext uri="{FF2B5EF4-FFF2-40B4-BE49-F238E27FC236}">
                  <a16:creationId xmlns:a16="http://schemas.microsoft.com/office/drawing/2014/main" id="{8F7A00B3-968F-ECC5-A862-DA3C9BA2D7E7}"/>
                </a:ext>
              </a:extLst>
            </p:cNvPr>
            <p:cNvSpPr txBox="1"/>
            <p:nvPr/>
          </p:nvSpPr>
          <p:spPr>
            <a:xfrm rot="19800000">
              <a:off x="4834654" y="798270"/>
              <a:ext cx="43856" cy="38472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285"/>
                </a:lnSpc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25" name="object 87">
              <a:extLst>
                <a:ext uri="{FF2B5EF4-FFF2-40B4-BE49-F238E27FC236}">
                  <a16:creationId xmlns:a16="http://schemas.microsoft.com/office/drawing/2014/main" id="{B3B83355-9457-3386-8383-EE9354A7626F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40" y="0"/>
                  </a:moveTo>
                  <a:lnTo>
                    <a:pt x="16599" y="4321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52" y="60700"/>
                  </a:lnTo>
                  <a:lnTo>
                    <a:pt x="24940" y="66365"/>
                  </a:lnTo>
                  <a:lnTo>
                    <a:pt x="37897" y="67232"/>
                  </a:lnTo>
                  <a:lnTo>
                    <a:pt x="50637" y="62910"/>
                  </a:lnTo>
                  <a:lnTo>
                    <a:pt x="60701" y="53982"/>
                  </a:lnTo>
                  <a:lnTo>
                    <a:pt x="66365" y="42296"/>
                  </a:lnTo>
                  <a:lnTo>
                    <a:pt x="67234" y="29337"/>
                  </a:lnTo>
                  <a:lnTo>
                    <a:pt x="62910" y="16594"/>
                  </a:lnTo>
                  <a:lnTo>
                    <a:pt x="53985" y="6531"/>
                  </a:lnTo>
                  <a:lnTo>
                    <a:pt x="42299" y="868"/>
                  </a:lnTo>
                  <a:lnTo>
                    <a:pt x="29340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6" name="object 88">
              <a:extLst>
                <a:ext uri="{FF2B5EF4-FFF2-40B4-BE49-F238E27FC236}">
                  <a16:creationId xmlns:a16="http://schemas.microsoft.com/office/drawing/2014/main" id="{A64BCB49-B949-B9F5-6916-A1B2BD8EF0F2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1"/>
                  </a:moveTo>
                  <a:lnTo>
                    <a:pt x="29340" y="0"/>
                  </a:lnTo>
                  <a:lnTo>
                    <a:pt x="42299" y="868"/>
                  </a:lnTo>
                  <a:lnTo>
                    <a:pt x="53985" y="6531"/>
                  </a:lnTo>
                  <a:lnTo>
                    <a:pt x="62910" y="16594"/>
                  </a:lnTo>
                  <a:lnTo>
                    <a:pt x="67234" y="29337"/>
                  </a:lnTo>
                  <a:lnTo>
                    <a:pt x="66365" y="42296"/>
                  </a:lnTo>
                  <a:lnTo>
                    <a:pt x="60701" y="53982"/>
                  </a:lnTo>
                  <a:lnTo>
                    <a:pt x="50637" y="62910"/>
                  </a:lnTo>
                  <a:lnTo>
                    <a:pt x="37897" y="67232"/>
                  </a:lnTo>
                  <a:lnTo>
                    <a:pt x="24940" y="66365"/>
                  </a:lnTo>
                  <a:lnTo>
                    <a:pt x="13252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7" name="object 89">
              <a:extLst>
                <a:ext uri="{FF2B5EF4-FFF2-40B4-BE49-F238E27FC236}">
                  <a16:creationId xmlns:a16="http://schemas.microsoft.com/office/drawing/2014/main" id="{8CE58DB5-07DA-95CC-7BA9-ADA20F69A440}"/>
                </a:ext>
              </a:extLst>
            </p:cNvPr>
            <p:cNvSpPr/>
            <p:nvPr/>
          </p:nvSpPr>
          <p:spPr>
            <a:xfrm>
              <a:off x="5383704" y="790091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8" name="object 90">
              <a:extLst>
                <a:ext uri="{FF2B5EF4-FFF2-40B4-BE49-F238E27FC236}">
                  <a16:creationId xmlns:a16="http://schemas.microsoft.com/office/drawing/2014/main" id="{27FBB892-FF9C-16E2-DBBE-D34EDDDD03F3}"/>
                </a:ext>
              </a:extLst>
            </p:cNvPr>
            <p:cNvSpPr/>
            <p:nvPr/>
          </p:nvSpPr>
          <p:spPr>
            <a:xfrm>
              <a:off x="5370628" y="801285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9" name="object 91">
              <a:extLst>
                <a:ext uri="{FF2B5EF4-FFF2-40B4-BE49-F238E27FC236}">
                  <a16:creationId xmlns:a16="http://schemas.microsoft.com/office/drawing/2014/main" id="{DAF51B2E-2264-DC50-B650-2EA08C575CB0}"/>
                </a:ext>
              </a:extLst>
            </p:cNvPr>
            <p:cNvSpPr/>
            <p:nvPr/>
          </p:nvSpPr>
          <p:spPr>
            <a:xfrm>
              <a:off x="5373522" y="804596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14" y="8561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0" name="object 92">
              <a:extLst>
                <a:ext uri="{FF2B5EF4-FFF2-40B4-BE49-F238E27FC236}">
                  <a16:creationId xmlns:a16="http://schemas.microsoft.com/office/drawing/2014/main" id="{510E2A48-2625-16EC-677F-BB31A14B2997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40" y="0"/>
                  </a:moveTo>
                  <a:lnTo>
                    <a:pt x="16599" y="4321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52" y="60700"/>
                  </a:lnTo>
                  <a:lnTo>
                    <a:pt x="24940" y="66365"/>
                  </a:lnTo>
                  <a:lnTo>
                    <a:pt x="37897" y="67232"/>
                  </a:lnTo>
                  <a:lnTo>
                    <a:pt x="50637" y="62910"/>
                  </a:lnTo>
                  <a:lnTo>
                    <a:pt x="60701" y="53982"/>
                  </a:lnTo>
                  <a:lnTo>
                    <a:pt x="66365" y="42296"/>
                  </a:lnTo>
                  <a:lnTo>
                    <a:pt x="67234" y="29337"/>
                  </a:lnTo>
                  <a:lnTo>
                    <a:pt x="62910" y="16594"/>
                  </a:lnTo>
                  <a:lnTo>
                    <a:pt x="53985" y="6531"/>
                  </a:lnTo>
                  <a:lnTo>
                    <a:pt x="42299" y="868"/>
                  </a:lnTo>
                  <a:lnTo>
                    <a:pt x="29340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1" name="object 93">
              <a:extLst>
                <a:ext uri="{FF2B5EF4-FFF2-40B4-BE49-F238E27FC236}">
                  <a16:creationId xmlns:a16="http://schemas.microsoft.com/office/drawing/2014/main" id="{DE0B9C6A-A058-7B20-E476-5A35D53119F8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1"/>
                  </a:moveTo>
                  <a:lnTo>
                    <a:pt x="29340" y="0"/>
                  </a:lnTo>
                  <a:lnTo>
                    <a:pt x="42299" y="868"/>
                  </a:lnTo>
                  <a:lnTo>
                    <a:pt x="53985" y="6531"/>
                  </a:lnTo>
                  <a:lnTo>
                    <a:pt x="62910" y="16594"/>
                  </a:lnTo>
                  <a:lnTo>
                    <a:pt x="67234" y="29337"/>
                  </a:lnTo>
                  <a:lnTo>
                    <a:pt x="66365" y="42296"/>
                  </a:lnTo>
                  <a:lnTo>
                    <a:pt x="60701" y="53982"/>
                  </a:lnTo>
                  <a:lnTo>
                    <a:pt x="50637" y="62910"/>
                  </a:lnTo>
                  <a:lnTo>
                    <a:pt x="37897" y="67232"/>
                  </a:lnTo>
                  <a:lnTo>
                    <a:pt x="24940" y="66365"/>
                  </a:lnTo>
                  <a:lnTo>
                    <a:pt x="13252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2" name="object 94">
              <a:extLst>
                <a:ext uri="{FF2B5EF4-FFF2-40B4-BE49-F238E27FC236}">
                  <a16:creationId xmlns:a16="http://schemas.microsoft.com/office/drawing/2014/main" id="{941247F0-DE09-0DFD-90A3-F9DB34B212CC}"/>
                </a:ext>
              </a:extLst>
            </p:cNvPr>
            <p:cNvSpPr/>
            <p:nvPr/>
          </p:nvSpPr>
          <p:spPr>
            <a:xfrm>
              <a:off x="5383704" y="790091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3" name="object 95">
              <a:extLst>
                <a:ext uri="{FF2B5EF4-FFF2-40B4-BE49-F238E27FC236}">
                  <a16:creationId xmlns:a16="http://schemas.microsoft.com/office/drawing/2014/main" id="{6035D682-161F-41FC-C156-F66093CDE25D}"/>
                </a:ext>
              </a:extLst>
            </p:cNvPr>
            <p:cNvSpPr txBox="1"/>
            <p:nvPr/>
          </p:nvSpPr>
          <p:spPr>
            <a:xfrm rot="19800000">
              <a:off x="5355685" y="794123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34" name="object 96">
              <a:extLst>
                <a:ext uri="{FF2B5EF4-FFF2-40B4-BE49-F238E27FC236}">
                  <a16:creationId xmlns:a16="http://schemas.microsoft.com/office/drawing/2014/main" id="{13329668-E469-974E-3CA5-6A82C2D5BC2B}"/>
                </a:ext>
              </a:extLst>
            </p:cNvPr>
            <p:cNvSpPr txBox="1"/>
            <p:nvPr/>
          </p:nvSpPr>
          <p:spPr>
            <a:xfrm rot="19800000">
              <a:off x="5377679" y="787852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35" name="object 97">
              <a:extLst>
                <a:ext uri="{FF2B5EF4-FFF2-40B4-BE49-F238E27FC236}">
                  <a16:creationId xmlns:a16="http://schemas.microsoft.com/office/drawing/2014/main" id="{F0749D97-3F0D-9646-A3F9-DC24570DF304}"/>
                </a:ext>
              </a:extLst>
            </p:cNvPr>
            <p:cNvSpPr/>
            <p:nvPr/>
          </p:nvSpPr>
          <p:spPr>
            <a:xfrm>
              <a:off x="5370628" y="801285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6" name="object 98">
              <a:extLst>
                <a:ext uri="{FF2B5EF4-FFF2-40B4-BE49-F238E27FC236}">
                  <a16:creationId xmlns:a16="http://schemas.microsoft.com/office/drawing/2014/main" id="{8F89824B-48AA-84CC-68BF-8D4891A334DF}"/>
                </a:ext>
              </a:extLst>
            </p:cNvPr>
            <p:cNvSpPr/>
            <p:nvPr/>
          </p:nvSpPr>
          <p:spPr>
            <a:xfrm>
              <a:off x="5373522" y="804596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14" y="8561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7" name="object 99">
              <a:extLst>
                <a:ext uri="{FF2B5EF4-FFF2-40B4-BE49-F238E27FC236}">
                  <a16:creationId xmlns:a16="http://schemas.microsoft.com/office/drawing/2014/main" id="{1298845B-F12E-6536-52C7-83795627EA77}"/>
                </a:ext>
              </a:extLst>
            </p:cNvPr>
            <p:cNvSpPr/>
            <p:nvPr/>
          </p:nvSpPr>
          <p:spPr>
            <a:xfrm>
              <a:off x="3182537" y="391114"/>
              <a:ext cx="1572642" cy="1719611"/>
            </a:xfrm>
            <a:prstGeom prst="rect">
              <a:avLst/>
            </a:prstGeom>
            <a:blipFill>
              <a:blip r:embed="rId6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8" name="object 100">
              <a:extLst>
                <a:ext uri="{FF2B5EF4-FFF2-40B4-BE49-F238E27FC236}">
                  <a16:creationId xmlns:a16="http://schemas.microsoft.com/office/drawing/2014/main" id="{82207D98-D177-C525-EB7E-A719F140B6F7}"/>
                </a:ext>
              </a:extLst>
            </p:cNvPr>
            <p:cNvSpPr txBox="1"/>
            <p:nvPr/>
          </p:nvSpPr>
          <p:spPr>
            <a:xfrm rot="19800000">
              <a:off x="3605639" y="1639459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39" name="object 101">
              <a:extLst>
                <a:ext uri="{FF2B5EF4-FFF2-40B4-BE49-F238E27FC236}">
                  <a16:creationId xmlns:a16="http://schemas.microsoft.com/office/drawing/2014/main" id="{2BB21312-46A3-626A-270B-3CB35B0281B7}"/>
                </a:ext>
              </a:extLst>
            </p:cNvPr>
            <p:cNvSpPr txBox="1"/>
            <p:nvPr/>
          </p:nvSpPr>
          <p:spPr>
            <a:xfrm rot="19800000">
              <a:off x="3627628" y="1633190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40" name="object 102">
              <a:extLst>
                <a:ext uri="{FF2B5EF4-FFF2-40B4-BE49-F238E27FC236}">
                  <a16:creationId xmlns:a16="http://schemas.microsoft.com/office/drawing/2014/main" id="{95BA663E-2F23-A707-9CB2-0F426B18E7AD}"/>
                </a:ext>
              </a:extLst>
            </p:cNvPr>
            <p:cNvSpPr txBox="1"/>
            <p:nvPr/>
          </p:nvSpPr>
          <p:spPr>
            <a:xfrm rot="19800000">
              <a:off x="3824113" y="1283366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41" name="object 103">
              <a:extLst>
                <a:ext uri="{FF2B5EF4-FFF2-40B4-BE49-F238E27FC236}">
                  <a16:creationId xmlns:a16="http://schemas.microsoft.com/office/drawing/2014/main" id="{B9474557-210F-0595-508A-0465446986A0}"/>
                </a:ext>
              </a:extLst>
            </p:cNvPr>
            <p:cNvSpPr txBox="1"/>
            <p:nvPr/>
          </p:nvSpPr>
          <p:spPr>
            <a:xfrm rot="19800000">
              <a:off x="3846111" y="1277091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42" name="object 104">
              <a:extLst>
                <a:ext uri="{FF2B5EF4-FFF2-40B4-BE49-F238E27FC236}">
                  <a16:creationId xmlns:a16="http://schemas.microsoft.com/office/drawing/2014/main" id="{2CC6EBA0-A21E-6328-22B7-DB24CF45E5AD}"/>
                </a:ext>
              </a:extLst>
            </p:cNvPr>
            <p:cNvSpPr txBox="1"/>
            <p:nvPr/>
          </p:nvSpPr>
          <p:spPr>
            <a:xfrm rot="19800000">
              <a:off x="4125777" y="999874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43" name="object 105">
              <a:extLst>
                <a:ext uri="{FF2B5EF4-FFF2-40B4-BE49-F238E27FC236}">
                  <a16:creationId xmlns:a16="http://schemas.microsoft.com/office/drawing/2014/main" id="{3382088C-E585-A35B-88E1-AC088EB0A67C}"/>
                </a:ext>
              </a:extLst>
            </p:cNvPr>
            <p:cNvSpPr txBox="1"/>
            <p:nvPr/>
          </p:nvSpPr>
          <p:spPr>
            <a:xfrm rot="19800000">
              <a:off x="4147768" y="993611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44" name="object 106">
              <a:extLst>
                <a:ext uri="{FF2B5EF4-FFF2-40B4-BE49-F238E27FC236}">
                  <a16:creationId xmlns:a16="http://schemas.microsoft.com/office/drawing/2014/main" id="{E6457839-510B-6249-7C3E-8C7C04950F33}"/>
                </a:ext>
              </a:extLst>
            </p:cNvPr>
            <p:cNvSpPr txBox="1"/>
            <p:nvPr/>
          </p:nvSpPr>
          <p:spPr>
            <a:xfrm rot="19800000">
              <a:off x="4436668" y="844707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45" name="object 107">
              <a:extLst>
                <a:ext uri="{FF2B5EF4-FFF2-40B4-BE49-F238E27FC236}">
                  <a16:creationId xmlns:a16="http://schemas.microsoft.com/office/drawing/2014/main" id="{2620D17E-964D-0DC5-85A2-BA2838F6F00C}"/>
                </a:ext>
              </a:extLst>
            </p:cNvPr>
            <p:cNvSpPr txBox="1"/>
            <p:nvPr/>
          </p:nvSpPr>
          <p:spPr>
            <a:xfrm rot="19800000">
              <a:off x="4458653" y="838447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46" name="object 108">
              <a:extLst>
                <a:ext uri="{FF2B5EF4-FFF2-40B4-BE49-F238E27FC236}">
                  <a16:creationId xmlns:a16="http://schemas.microsoft.com/office/drawing/2014/main" id="{CB4E123B-DF50-4B3D-2976-2AD58A48CB1D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47" name="object 109">
              <a:extLst>
                <a:ext uri="{FF2B5EF4-FFF2-40B4-BE49-F238E27FC236}">
                  <a16:creationId xmlns:a16="http://schemas.microsoft.com/office/drawing/2014/main" id="{6C0A388C-021B-573C-DA81-A337D4D997EE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48" name="object 110">
              <a:extLst>
                <a:ext uri="{FF2B5EF4-FFF2-40B4-BE49-F238E27FC236}">
                  <a16:creationId xmlns:a16="http://schemas.microsoft.com/office/drawing/2014/main" id="{A58B9F8B-D61D-8259-CCDC-303F43D859E6}"/>
                </a:ext>
              </a:extLst>
            </p:cNvPr>
            <p:cNvSpPr/>
            <p:nvPr/>
          </p:nvSpPr>
          <p:spPr>
            <a:xfrm>
              <a:off x="3547052" y="2361600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91" y="0"/>
                  </a:lnTo>
                  <a:lnTo>
                    <a:pt x="1240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49" name="object 111">
              <a:extLst>
                <a:ext uri="{FF2B5EF4-FFF2-40B4-BE49-F238E27FC236}">
                  <a16:creationId xmlns:a16="http://schemas.microsoft.com/office/drawing/2014/main" id="{771D3113-6F9E-D6AF-42E9-EED34DF83B09}"/>
                </a:ext>
              </a:extLst>
            </p:cNvPr>
            <p:cNvSpPr/>
            <p:nvPr/>
          </p:nvSpPr>
          <p:spPr>
            <a:xfrm>
              <a:off x="3533981" y="2372792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0" name="object 112">
              <a:extLst>
                <a:ext uri="{FF2B5EF4-FFF2-40B4-BE49-F238E27FC236}">
                  <a16:creationId xmlns:a16="http://schemas.microsoft.com/office/drawing/2014/main" id="{CA9BFC77-35F7-8264-A302-C08E7998D6A4}"/>
                </a:ext>
              </a:extLst>
            </p:cNvPr>
            <p:cNvSpPr/>
            <p:nvPr/>
          </p:nvSpPr>
          <p:spPr>
            <a:xfrm>
              <a:off x="3536870" y="2376103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82" y="4969"/>
                  </a:moveTo>
                  <a:lnTo>
                    <a:pt x="978" y="3263"/>
                  </a:lnTo>
                  <a:lnTo>
                    <a:pt x="554" y="1598"/>
                  </a:lnTo>
                  <a:lnTo>
                    <a:pt x="0" y="0"/>
                  </a:lnTo>
                  <a:lnTo>
                    <a:pt x="1056" y="1014"/>
                  </a:lnTo>
                  <a:lnTo>
                    <a:pt x="2481" y="2249"/>
                  </a:lnTo>
                  <a:lnTo>
                    <a:pt x="4289" y="3717"/>
                  </a:lnTo>
                  <a:lnTo>
                    <a:pt x="10220" y="8555"/>
                  </a:lnTo>
                  <a:lnTo>
                    <a:pt x="2637" y="12958"/>
                  </a:lnTo>
                  <a:lnTo>
                    <a:pt x="1282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1" name="object 113">
              <a:extLst>
                <a:ext uri="{FF2B5EF4-FFF2-40B4-BE49-F238E27FC236}">
                  <a16:creationId xmlns:a16="http://schemas.microsoft.com/office/drawing/2014/main" id="{81CE734C-2A7B-09BA-A5BE-EA289E39BF76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2" name="object 114">
              <a:extLst>
                <a:ext uri="{FF2B5EF4-FFF2-40B4-BE49-F238E27FC236}">
                  <a16:creationId xmlns:a16="http://schemas.microsoft.com/office/drawing/2014/main" id="{A5DE7BB5-E3A2-86E5-DB1F-2F41E1DF4E20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3" name="object 115">
              <a:extLst>
                <a:ext uri="{FF2B5EF4-FFF2-40B4-BE49-F238E27FC236}">
                  <a16:creationId xmlns:a16="http://schemas.microsoft.com/office/drawing/2014/main" id="{C788EFE1-7EA0-8416-28ED-041881AE37DB}"/>
                </a:ext>
              </a:extLst>
            </p:cNvPr>
            <p:cNvSpPr/>
            <p:nvPr/>
          </p:nvSpPr>
          <p:spPr>
            <a:xfrm>
              <a:off x="3547052" y="2361600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91" y="0"/>
                  </a:lnTo>
                  <a:lnTo>
                    <a:pt x="1240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4" name="object 116">
              <a:extLst>
                <a:ext uri="{FF2B5EF4-FFF2-40B4-BE49-F238E27FC236}">
                  <a16:creationId xmlns:a16="http://schemas.microsoft.com/office/drawing/2014/main" id="{766AD99C-3EBF-1505-5E13-51FD7B3CDA72}"/>
                </a:ext>
              </a:extLst>
            </p:cNvPr>
            <p:cNvSpPr txBox="1"/>
            <p:nvPr/>
          </p:nvSpPr>
          <p:spPr>
            <a:xfrm rot="19800000">
              <a:off x="3519039" y="2365628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55" name="object 117">
              <a:extLst>
                <a:ext uri="{FF2B5EF4-FFF2-40B4-BE49-F238E27FC236}">
                  <a16:creationId xmlns:a16="http://schemas.microsoft.com/office/drawing/2014/main" id="{FCB933A1-6DAD-9921-D245-DA91A21E2533}"/>
                </a:ext>
              </a:extLst>
            </p:cNvPr>
            <p:cNvSpPr txBox="1"/>
            <p:nvPr/>
          </p:nvSpPr>
          <p:spPr>
            <a:xfrm rot="19800000">
              <a:off x="3541027" y="2359360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56" name="object 118">
              <a:extLst>
                <a:ext uri="{FF2B5EF4-FFF2-40B4-BE49-F238E27FC236}">
                  <a16:creationId xmlns:a16="http://schemas.microsoft.com/office/drawing/2014/main" id="{CB1F38AA-4DA7-3B3C-F028-652250501117}"/>
                </a:ext>
              </a:extLst>
            </p:cNvPr>
            <p:cNvSpPr/>
            <p:nvPr/>
          </p:nvSpPr>
          <p:spPr>
            <a:xfrm>
              <a:off x="3533981" y="2372792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7" name="object 119">
              <a:extLst>
                <a:ext uri="{FF2B5EF4-FFF2-40B4-BE49-F238E27FC236}">
                  <a16:creationId xmlns:a16="http://schemas.microsoft.com/office/drawing/2014/main" id="{2D6A0CF1-A620-0BB2-2DF2-8E713A7B481C}"/>
                </a:ext>
              </a:extLst>
            </p:cNvPr>
            <p:cNvSpPr/>
            <p:nvPr/>
          </p:nvSpPr>
          <p:spPr>
            <a:xfrm>
              <a:off x="3536870" y="2376103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82" y="4969"/>
                  </a:moveTo>
                  <a:lnTo>
                    <a:pt x="978" y="3263"/>
                  </a:lnTo>
                  <a:lnTo>
                    <a:pt x="554" y="1598"/>
                  </a:lnTo>
                  <a:lnTo>
                    <a:pt x="0" y="0"/>
                  </a:lnTo>
                  <a:lnTo>
                    <a:pt x="1056" y="1014"/>
                  </a:lnTo>
                  <a:lnTo>
                    <a:pt x="2481" y="2249"/>
                  </a:lnTo>
                  <a:lnTo>
                    <a:pt x="4289" y="3717"/>
                  </a:lnTo>
                  <a:lnTo>
                    <a:pt x="10220" y="8555"/>
                  </a:lnTo>
                  <a:lnTo>
                    <a:pt x="2637" y="12958"/>
                  </a:lnTo>
                  <a:lnTo>
                    <a:pt x="1282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8" name="object 120">
              <a:extLst>
                <a:ext uri="{FF2B5EF4-FFF2-40B4-BE49-F238E27FC236}">
                  <a16:creationId xmlns:a16="http://schemas.microsoft.com/office/drawing/2014/main" id="{AE3845D7-5BEF-1ABB-297C-B96B56403BC0}"/>
                </a:ext>
              </a:extLst>
            </p:cNvPr>
            <p:cNvSpPr txBox="1"/>
            <p:nvPr/>
          </p:nvSpPr>
          <p:spPr>
            <a:xfrm rot="19800000">
              <a:off x="4690893" y="799133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59" name="object 121">
              <a:extLst>
                <a:ext uri="{FF2B5EF4-FFF2-40B4-BE49-F238E27FC236}">
                  <a16:creationId xmlns:a16="http://schemas.microsoft.com/office/drawing/2014/main" id="{7B57C2FA-4580-9AB7-0869-9CD5E1DD0EBE}"/>
                </a:ext>
              </a:extLst>
            </p:cNvPr>
            <p:cNvSpPr txBox="1"/>
            <p:nvPr/>
          </p:nvSpPr>
          <p:spPr>
            <a:xfrm rot="19800000">
              <a:off x="4712890" y="792867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60" name="object 122">
              <a:extLst>
                <a:ext uri="{FF2B5EF4-FFF2-40B4-BE49-F238E27FC236}">
                  <a16:creationId xmlns:a16="http://schemas.microsoft.com/office/drawing/2014/main" id="{AEDA3719-277C-7657-DFDA-4DD0218126B7}"/>
                </a:ext>
              </a:extLst>
            </p:cNvPr>
            <p:cNvSpPr txBox="1"/>
            <p:nvPr/>
          </p:nvSpPr>
          <p:spPr>
            <a:xfrm rot="19800000">
              <a:off x="4854788" y="791751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7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61" name="object 123">
              <a:extLst>
                <a:ext uri="{FF2B5EF4-FFF2-40B4-BE49-F238E27FC236}">
                  <a16:creationId xmlns:a16="http://schemas.microsoft.com/office/drawing/2014/main" id="{311AE6B4-4631-CB5E-C58B-86352CE7AA50}"/>
                </a:ext>
              </a:extLst>
            </p:cNvPr>
            <p:cNvSpPr txBox="1"/>
            <p:nvPr/>
          </p:nvSpPr>
          <p:spPr>
            <a:xfrm rot="19800000">
              <a:off x="4834654" y="798270"/>
              <a:ext cx="43856" cy="38472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285"/>
                </a:lnSpc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62" name="object 124">
              <a:extLst>
                <a:ext uri="{FF2B5EF4-FFF2-40B4-BE49-F238E27FC236}">
                  <a16:creationId xmlns:a16="http://schemas.microsoft.com/office/drawing/2014/main" id="{A07F5783-05F4-FFD8-0529-A42A8487868E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8" y="0"/>
                  </a:moveTo>
                  <a:lnTo>
                    <a:pt x="16599" y="4323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1" y="50634"/>
                  </a:lnTo>
                  <a:lnTo>
                    <a:pt x="13252" y="60700"/>
                  </a:lnTo>
                  <a:lnTo>
                    <a:pt x="24940" y="66364"/>
                  </a:lnTo>
                  <a:lnTo>
                    <a:pt x="37897" y="67231"/>
                  </a:lnTo>
                  <a:lnTo>
                    <a:pt x="50637" y="62907"/>
                  </a:lnTo>
                  <a:lnTo>
                    <a:pt x="60701" y="53982"/>
                  </a:lnTo>
                  <a:lnTo>
                    <a:pt x="66366" y="42295"/>
                  </a:lnTo>
                  <a:lnTo>
                    <a:pt x="67236" y="29337"/>
                  </a:lnTo>
                  <a:lnTo>
                    <a:pt x="62916" y="16596"/>
                  </a:lnTo>
                  <a:lnTo>
                    <a:pt x="53987" y="6532"/>
                  </a:lnTo>
                  <a:lnTo>
                    <a:pt x="42297" y="868"/>
                  </a:lnTo>
                  <a:lnTo>
                    <a:pt x="29338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3" name="object 125">
              <a:extLst>
                <a:ext uri="{FF2B5EF4-FFF2-40B4-BE49-F238E27FC236}">
                  <a16:creationId xmlns:a16="http://schemas.microsoft.com/office/drawing/2014/main" id="{708E3ADE-9C77-D7A5-CAE0-B6EAA2D5FBA6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3"/>
                  </a:moveTo>
                  <a:lnTo>
                    <a:pt x="29338" y="0"/>
                  </a:lnTo>
                  <a:lnTo>
                    <a:pt x="42297" y="868"/>
                  </a:lnTo>
                  <a:lnTo>
                    <a:pt x="53987" y="6532"/>
                  </a:lnTo>
                  <a:lnTo>
                    <a:pt x="62916" y="16596"/>
                  </a:lnTo>
                  <a:lnTo>
                    <a:pt x="67236" y="29337"/>
                  </a:lnTo>
                  <a:lnTo>
                    <a:pt x="66366" y="42295"/>
                  </a:lnTo>
                  <a:lnTo>
                    <a:pt x="60701" y="53982"/>
                  </a:lnTo>
                  <a:lnTo>
                    <a:pt x="50637" y="62907"/>
                  </a:lnTo>
                  <a:lnTo>
                    <a:pt x="37897" y="67231"/>
                  </a:lnTo>
                  <a:lnTo>
                    <a:pt x="24940" y="66364"/>
                  </a:lnTo>
                  <a:lnTo>
                    <a:pt x="13252" y="60700"/>
                  </a:lnTo>
                  <a:lnTo>
                    <a:pt x="4321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4" name="object 126">
              <a:extLst>
                <a:ext uri="{FF2B5EF4-FFF2-40B4-BE49-F238E27FC236}">
                  <a16:creationId xmlns:a16="http://schemas.microsoft.com/office/drawing/2014/main" id="{5E9D0DB3-2977-4608-A659-30B0D11B0DD5}"/>
                </a:ext>
              </a:extLst>
            </p:cNvPr>
            <p:cNvSpPr/>
            <p:nvPr/>
          </p:nvSpPr>
          <p:spPr>
            <a:xfrm>
              <a:off x="5682270" y="795969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85" y="3209"/>
                  </a:lnTo>
                  <a:lnTo>
                    <a:pt x="7821" y="1205"/>
                  </a:lnTo>
                  <a:lnTo>
                    <a:pt x="4880" y="2911"/>
                  </a:lnTo>
                  <a:lnTo>
                    <a:pt x="3191" y="0"/>
                  </a:lnTo>
                  <a:lnTo>
                    <a:pt x="1240" y="1139"/>
                  </a:lnTo>
                  <a:lnTo>
                    <a:pt x="2929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5" name="object 127">
              <a:extLst>
                <a:ext uri="{FF2B5EF4-FFF2-40B4-BE49-F238E27FC236}">
                  <a16:creationId xmlns:a16="http://schemas.microsoft.com/office/drawing/2014/main" id="{0431338A-4DE1-89AA-B41E-171BA77DFB4E}"/>
                </a:ext>
              </a:extLst>
            </p:cNvPr>
            <p:cNvSpPr/>
            <p:nvPr/>
          </p:nvSpPr>
          <p:spPr>
            <a:xfrm>
              <a:off x="5669195" y="807149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73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6" name="object 128">
              <a:extLst>
                <a:ext uri="{FF2B5EF4-FFF2-40B4-BE49-F238E27FC236}">
                  <a16:creationId xmlns:a16="http://schemas.microsoft.com/office/drawing/2014/main" id="{DCFC9ECC-B5F0-48EE-D7B3-C2741F6E56D8}"/>
                </a:ext>
              </a:extLst>
            </p:cNvPr>
            <p:cNvSpPr/>
            <p:nvPr/>
          </p:nvSpPr>
          <p:spPr>
            <a:xfrm>
              <a:off x="5672089" y="810460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20" y="8561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7" name="object 129">
              <a:extLst>
                <a:ext uri="{FF2B5EF4-FFF2-40B4-BE49-F238E27FC236}">
                  <a16:creationId xmlns:a16="http://schemas.microsoft.com/office/drawing/2014/main" id="{E301258F-8F82-A7A8-CA02-8347BF463EE7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8" y="0"/>
                  </a:moveTo>
                  <a:lnTo>
                    <a:pt x="16599" y="4323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1" y="50634"/>
                  </a:lnTo>
                  <a:lnTo>
                    <a:pt x="13252" y="60700"/>
                  </a:lnTo>
                  <a:lnTo>
                    <a:pt x="24940" y="66364"/>
                  </a:lnTo>
                  <a:lnTo>
                    <a:pt x="37897" y="67231"/>
                  </a:lnTo>
                  <a:lnTo>
                    <a:pt x="50637" y="62907"/>
                  </a:lnTo>
                  <a:lnTo>
                    <a:pt x="60701" y="53982"/>
                  </a:lnTo>
                  <a:lnTo>
                    <a:pt x="66366" y="42295"/>
                  </a:lnTo>
                  <a:lnTo>
                    <a:pt x="67236" y="29337"/>
                  </a:lnTo>
                  <a:lnTo>
                    <a:pt x="62916" y="16596"/>
                  </a:lnTo>
                  <a:lnTo>
                    <a:pt x="53987" y="6532"/>
                  </a:lnTo>
                  <a:lnTo>
                    <a:pt x="42297" y="868"/>
                  </a:lnTo>
                  <a:lnTo>
                    <a:pt x="29338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8" name="object 130">
              <a:extLst>
                <a:ext uri="{FF2B5EF4-FFF2-40B4-BE49-F238E27FC236}">
                  <a16:creationId xmlns:a16="http://schemas.microsoft.com/office/drawing/2014/main" id="{DBFAD077-C057-E566-8347-13C803F3EF2E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3"/>
                  </a:moveTo>
                  <a:lnTo>
                    <a:pt x="29338" y="0"/>
                  </a:lnTo>
                  <a:lnTo>
                    <a:pt x="42297" y="868"/>
                  </a:lnTo>
                  <a:lnTo>
                    <a:pt x="53987" y="6532"/>
                  </a:lnTo>
                  <a:lnTo>
                    <a:pt x="62916" y="16596"/>
                  </a:lnTo>
                  <a:lnTo>
                    <a:pt x="67236" y="29337"/>
                  </a:lnTo>
                  <a:lnTo>
                    <a:pt x="66366" y="42295"/>
                  </a:lnTo>
                  <a:lnTo>
                    <a:pt x="60701" y="53982"/>
                  </a:lnTo>
                  <a:lnTo>
                    <a:pt x="50637" y="62907"/>
                  </a:lnTo>
                  <a:lnTo>
                    <a:pt x="37897" y="67231"/>
                  </a:lnTo>
                  <a:lnTo>
                    <a:pt x="24940" y="66364"/>
                  </a:lnTo>
                  <a:lnTo>
                    <a:pt x="13252" y="60700"/>
                  </a:lnTo>
                  <a:lnTo>
                    <a:pt x="4321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9" name="object 131">
              <a:extLst>
                <a:ext uri="{FF2B5EF4-FFF2-40B4-BE49-F238E27FC236}">
                  <a16:creationId xmlns:a16="http://schemas.microsoft.com/office/drawing/2014/main" id="{908E9321-77C0-D3AD-2576-D3F9A92C27BE}"/>
                </a:ext>
              </a:extLst>
            </p:cNvPr>
            <p:cNvSpPr/>
            <p:nvPr/>
          </p:nvSpPr>
          <p:spPr>
            <a:xfrm>
              <a:off x="5682270" y="795969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85" y="3209"/>
                  </a:lnTo>
                  <a:lnTo>
                    <a:pt x="7821" y="1205"/>
                  </a:lnTo>
                  <a:lnTo>
                    <a:pt x="4880" y="2911"/>
                  </a:lnTo>
                  <a:lnTo>
                    <a:pt x="3191" y="0"/>
                  </a:lnTo>
                  <a:lnTo>
                    <a:pt x="1240" y="1139"/>
                  </a:lnTo>
                  <a:lnTo>
                    <a:pt x="2929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0" name="object 132">
              <a:extLst>
                <a:ext uri="{FF2B5EF4-FFF2-40B4-BE49-F238E27FC236}">
                  <a16:creationId xmlns:a16="http://schemas.microsoft.com/office/drawing/2014/main" id="{CE139279-B2E3-EBAC-B9BD-7D50D0C98281}"/>
                </a:ext>
              </a:extLst>
            </p:cNvPr>
            <p:cNvSpPr txBox="1"/>
            <p:nvPr/>
          </p:nvSpPr>
          <p:spPr>
            <a:xfrm rot="19800000">
              <a:off x="5654257" y="799995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71" name="object 133">
              <a:extLst>
                <a:ext uri="{FF2B5EF4-FFF2-40B4-BE49-F238E27FC236}">
                  <a16:creationId xmlns:a16="http://schemas.microsoft.com/office/drawing/2014/main" id="{56D50F5F-F3A7-FAB3-02DE-023EA48D576B}"/>
                </a:ext>
              </a:extLst>
            </p:cNvPr>
            <p:cNvSpPr txBox="1"/>
            <p:nvPr/>
          </p:nvSpPr>
          <p:spPr>
            <a:xfrm rot="19800000">
              <a:off x="5676247" y="793733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72" name="object 134">
              <a:extLst>
                <a:ext uri="{FF2B5EF4-FFF2-40B4-BE49-F238E27FC236}">
                  <a16:creationId xmlns:a16="http://schemas.microsoft.com/office/drawing/2014/main" id="{70862B6E-AD34-9DEC-3708-B4B83EA44039}"/>
                </a:ext>
              </a:extLst>
            </p:cNvPr>
            <p:cNvSpPr/>
            <p:nvPr/>
          </p:nvSpPr>
          <p:spPr>
            <a:xfrm>
              <a:off x="5669195" y="807155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53" y="27385"/>
                  </a:moveTo>
                  <a:lnTo>
                    <a:pt x="6073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7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53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3" name="object 135">
              <a:extLst>
                <a:ext uri="{FF2B5EF4-FFF2-40B4-BE49-F238E27FC236}">
                  <a16:creationId xmlns:a16="http://schemas.microsoft.com/office/drawing/2014/main" id="{81DCBF51-7870-1F06-EE45-FAC1884BFE58}"/>
                </a:ext>
              </a:extLst>
            </p:cNvPr>
            <p:cNvSpPr/>
            <p:nvPr/>
          </p:nvSpPr>
          <p:spPr>
            <a:xfrm>
              <a:off x="5672094" y="810466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2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14" y="8561"/>
                  </a:lnTo>
                  <a:lnTo>
                    <a:pt x="2625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4" name="object 136">
              <a:extLst>
                <a:ext uri="{FF2B5EF4-FFF2-40B4-BE49-F238E27FC236}">
                  <a16:creationId xmlns:a16="http://schemas.microsoft.com/office/drawing/2014/main" id="{C723E7FD-FA91-4F8A-F384-7FBD38716D8D}"/>
                </a:ext>
              </a:extLst>
            </p:cNvPr>
            <p:cNvSpPr txBox="1"/>
            <p:nvPr/>
          </p:nvSpPr>
          <p:spPr>
            <a:xfrm rot="19800000">
              <a:off x="3560913" y="2005581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75" name="object 137">
              <a:extLst>
                <a:ext uri="{FF2B5EF4-FFF2-40B4-BE49-F238E27FC236}">
                  <a16:creationId xmlns:a16="http://schemas.microsoft.com/office/drawing/2014/main" id="{8B166DDD-B0C3-299A-5FCD-892EB13A0AE3}"/>
                </a:ext>
              </a:extLst>
            </p:cNvPr>
            <p:cNvSpPr txBox="1"/>
            <p:nvPr/>
          </p:nvSpPr>
          <p:spPr>
            <a:xfrm rot="19800000">
              <a:off x="3540782" y="2012101"/>
              <a:ext cx="43856" cy="38472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285"/>
                </a:lnSpc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76" name="object 138">
              <a:extLst>
                <a:ext uri="{FF2B5EF4-FFF2-40B4-BE49-F238E27FC236}">
                  <a16:creationId xmlns:a16="http://schemas.microsoft.com/office/drawing/2014/main" id="{C5CAA9CC-587D-5ADC-A67A-AF56CCBF2597}"/>
                </a:ext>
              </a:extLst>
            </p:cNvPr>
            <p:cNvSpPr/>
            <p:nvPr/>
          </p:nvSpPr>
          <p:spPr>
            <a:xfrm>
              <a:off x="3284320" y="2999360"/>
              <a:ext cx="274320" cy="274320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7" name="object 139">
              <a:extLst>
                <a:ext uri="{FF2B5EF4-FFF2-40B4-BE49-F238E27FC236}">
                  <a16:creationId xmlns:a16="http://schemas.microsoft.com/office/drawing/2014/main" id="{2A421F47-B0BB-9845-ED00-0B1A23EE54A9}"/>
                </a:ext>
              </a:extLst>
            </p:cNvPr>
            <p:cNvSpPr/>
            <p:nvPr/>
          </p:nvSpPr>
          <p:spPr>
            <a:xfrm>
              <a:off x="3284320" y="2999360"/>
              <a:ext cx="274320" cy="274320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255825" y="67721"/>
                  </a:moveTo>
                  <a:lnTo>
                    <a:pt x="271609" y="108853"/>
                  </a:lnTo>
                  <a:lnTo>
                    <a:pt x="273695" y="151327"/>
                  </a:lnTo>
                  <a:lnTo>
                    <a:pt x="262904" y="192046"/>
                  </a:lnTo>
                  <a:lnTo>
                    <a:pt x="240057" y="227912"/>
                  </a:lnTo>
                  <a:lnTo>
                    <a:pt x="205976" y="255827"/>
                  </a:lnTo>
                  <a:lnTo>
                    <a:pt x="164845" y="271611"/>
                  </a:lnTo>
                  <a:lnTo>
                    <a:pt x="122370" y="273697"/>
                  </a:lnTo>
                  <a:lnTo>
                    <a:pt x="81650" y="262905"/>
                  </a:lnTo>
                  <a:lnTo>
                    <a:pt x="45782" y="240056"/>
                  </a:lnTo>
                  <a:lnTo>
                    <a:pt x="17864" y="205973"/>
                  </a:lnTo>
                  <a:lnTo>
                    <a:pt x="2083" y="164843"/>
                  </a:lnTo>
                  <a:lnTo>
                    <a:pt x="0" y="122369"/>
                  </a:lnTo>
                  <a:lnTo>
                    <a:pt x="10792" y="81649"/>
                  </a:lnTo>
                  <a:lnTo>
                    <a:pt x="33641" y="45782"/>
                  </a:lnTo>
                  <a:lnTo>
                    <a:pt x="67725" y="17867"/>
                  </a:lnTo>
                  <a:lnTo>
                    <a:pt x="108854" y="2085"/>
                  </a:lnTo>
                  <a:lnTo>
                    <a:pt x="151328" y="0"/>
                  </a:lnTo>
                  <a:lnTo>
                    <a:pt x="192047" y="10791"/>
                  </a:lnTo>
                  <a:lnTo>
                    <a:pt x="227912" y="33638"/>
                  </a:lnTo>
                  <a:lnTo>
                    <a:pt x="255825" y="67721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8" name="object 140">
              <a:extLst>
                <a:ext uri="{FF2B5EF4-FFF2-40B4-BE49-F238E27FC236}">
                  <a16:creationId xmlns:a16="http://schemas.microsoft.com/office/drawing/2014/main" id="{59064C8D-AC8C-E570-C7FE-CDC2EF37B2B7}"/>
                </a:ext>
              </a:extLst>
            </p:cNvPr>
            <p:cNvSpPr/>
            <p:nvPr/>
          </p:nvSpPr>
          <p:spPr>
            <a:xfrm>
              <a:off x="3559507" y="2761514"/>
              <a:ext cx="0" cy="168275"/>
            </a:xfrm>
            <a:custGeom>
              <a:avLst/>
              <a:gdLst/>
              <a:ahLst/>
              <a:cxnLst/>
              <a:rect l="l" t="t" r="r" b="b"/>
              <a:pathLst>
                <a:path h="168275">
                  <a:moveTo>
                    <a:pt x="0" y="0"/>
                  </a:moveTo>
                  <a:lnTo>
                    <a:pt x="0" y="168211"/>
                  </a:lnTo>
                </a:path>
              </a:pathLst>
            </a:custGeom>
            <a:ln w="61136">
              <a:solidFill>
                <a:srgbClr val="59595C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9" name="object 141">
              <a:extLst>
                <a:ext uri="{FF2B5EF4-FFF2-40B4-BE49-F238E27FC236}">
                  <a16:creationId xmlns:a16="http://schemas.microsoft.com/office/drawing/2014/main" id="{D3CEC92D-1622-73E4-E8A5-6A500E47093B}"/>
                </a:ext>
              </a:extLst>
            </p:cNvPr>
            <p:cNvSpPr/>
            <p:nvPr/>
          </p:nvSpPr>
          <p:spPr>
            <a:xfrm>
              <a:off x="3528938" y="2761514"/>
              <a:ext cx="61594" cy="220345"/>
            </a:xfrm>
            <a:custGeom>
              <a:avLst/>
              <a:gdLst/>
              <a:ahLst/>
              <a:cxnLst/>
              <a:rect l="l" t="t" r="r" b="b"/>
              <a:pathLst>
                <a:path w="61595" h="220345">
                  <a:moveTo>
                    <a:pt x="602" y="219822"/>
                  </a:moveTo>
                  <a:lnTo>
                    <a:pt x="61136" y="219661"/>
                  </a:lnTo>
                  <a:lnTo>
                    <a:pt x="60540" y="0"/>
                  </a:lnTo>
                  <a:lnTo>
                    <a:pt x="0" y="167"/>
                  </a:lnTo>
                  <a:lnTo>
                    <a:pt x="602" y="219822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0" name="object 142">
              <a:extLst>
                <a:ext uri="{FF2B5EF4-FFF2-40B4-BE49-F238E27FC236}">
                  <a16:creationId xmlns:a16="http://schemas.microsoft.com/office/drawing/2014/main" id="{58379727-DAFF-7F1D-B725-F52A80FAF635}"/>
                </a:ext>
              </a:extLst>
            </p:cNvPr>
            <p:cNvSpPr/>
            <p:nvPr/>
          </p:nvSpPr>
          <p:spPr>
            <a:xfrm>
              <a:off x="3508565" y="2929726"/>
              <a:ext cx="98425" cy="280035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1" name="object 143">
              <a:extLst>
                <a:ext uri="{FF2B5EF4-FFF2-40B4-BE49-F238E27FC236}">
                  <a16:creationId xmlns:a16="http://schemas.microsoft.com/office/drawing/2014/main" id="{C391D0A0-1BCB-E315-C1D9-510762786DA4}"/>
                </a:ext>
              </a:extLst>
            </p:cNvPr>
            <p:cNvSpPr/>
            <p:nvPr/>
          </p:nvSpPr>
          <p:spPr>
            <a:xfrm>
              <a:off x="3508565" y="2929726"/>
              <a:ext cx="98425" cy="280035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763" y="279784"/>
                  </a:moveTo>
                  <a:lnTo>
                    <a:pt x="98265" y="279521"/>
                  </a:lnTo>
                  <a:lnTo>
                    <a:pt x="97507" y="0"/>
                  </a:lnTo>
                  <a:lnTo>
                    <a:pt x="0" y="262"/>
                  </a:lnTo>
                  <a:lnTo>
                    <a:pt x="763" y="279784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2" name="object 144">
              <a:extLst>
                <a:ext uri="{FF2B5EF4-FFF2-40B4-BE49-F238E27FC236}">
                  <a16:creationId xmlns:a16="http://schemas.microsoft.com/office/drawing/2014/main" id="{70F69C96-AF09-7A7C-389F-BBCCD9C04A06}"/>
                </a:ext>
              </a:extLst>
            </p:cNvPr>
            <p:cNvSpPr/>
            <p:nvPr/>
          </p:nvSpPr>
          <p:spPr>
            <a:xfrm>
              <a:off x="2003107" y="3131298"/>
              <a:ext cx="1119505" cy="3175"/>
            </a:xfrm>
            <a:custGeom>
              <a:avLst/>
              <a:gdLst/>
              <a:ahLst/>
              <a:cxnLst/>
              <a:rect l="l" t="t" r="r" b="b"/>
              <a:pathLst>
                <a:path w="1119504" h="3175">
                  <a:moveTo>
                    <a:pt x="1119000" y="0"/>
                  </a:moveTo>
                  <a:lnTo>
                    <a:pt x="0" y="3048"/>
                  </a:lnTo>
                </a:path>
              </a:pathLst>
            </a:custGeom>
            <a:ln w="35797">
              <a:solidFill>
                <a:srgbClr val="0C679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3" name="object 145">
              <a:extLst>
                <a:ext uri="{FF2B5EF4-FFF2-40B4-BE49-F238E27FC236}">
                  <a16:creationId xmlns:a16="http://schemas.microsoft.com/office/drawing/2014/main" id="{DFCC1F48-A480-2948-F5EF-8F754AD6A455}"/>
                </a:ext>
              </a:extLst>
            </p:cNvPr>
            <p:cNvSpPr/>
            <p:nvPr/>
          </p:nvSpPr>
          <p:spPr>
            <a:xfrm>
              <a:off x="3105239" y="3074222"/>
              <a:ext cx="99695" cy="114300"/>
            </a:xfrm>
            <a:custGeom>
              <a:avLst/>
              <a:gdLst/>
              <a:ahLst/>
              <a:cxnLst/>
              <a:rect l="l" t="t" r="r" b="b"/>
              <a:pathLst>
                <a:path w="99695" h="114300">
                  <a:moveTo>
                    <a:pt x="0" y="0"/>
                  </a:moveTo>
                  <a:lnTo>
                    <a:pt x="310" y="114237"/>
                  </a:lnTo>
                  <a:lnTo>
                    <a:pt x="99070" y="56853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C679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4" name="object 146">
              <a:extLst>
                <a:ext uri="{FF2B5EF4-FFF2-40B4-BE49-F238E27FC236}">
                  <a16:creationId xmlns:a16="http://schemas.microsoft.com/office/drawing/2014/main" id="{772C0787-A79E-5896-3E8A-26B3AE010D74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4" y="0"/>
                  </a:moveTo>
                  <a:lnTo>
                    <a:pt x="16594" y="4321"/>
                  </a:lnTo>
                  <a:lnTo>
                    <a:pt x="6531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49" y="60700"/>
                  </a:lnTo>
                  <a:lnTo>
                    <a:pt x="24937" y="66365"/>
                  </a:lnTo>
                  <a:lnTo>
                    <a:pt x="37894" y="67232"/>
                  </a:lnTo>
                  <a:lnTo>
                    <a:pt x="50631" y="62910"/>
                  </a:lnTo>
                  <a:lnTo>
                    <a:pt x="60698" y="53982"/>
                  </a:lnTo>
                  <a:lnTo>
                    <a:pt x="66362" y="42296"/>
                  </a:lnTo>
                  <a:lnTo>
                    <a:pt x="67231" y="29337"/>
                  </a:lnTo>
                  <a:lnTo>
                    <a:pt x="62910" y="16594"/>
                  </a:lnTo>
                  <a:lnTo>
                    <a:pt x="53982" y="6531"/>
                  </a:lnTo>
                  <a:lnTo>
                    <a:pt x="42293" y="868"/>
                  </a:lnTo>
                  <a:lnTo>
                    <a:pt x="29334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5" name="object 147">
              <a:extLst>
                <a:ext uri="{FF2B5EF4-FFF2-40B4-BE49-F238E27FC236}">
                  <a16:creationId xmlns:a16="http://schemas.microsoft.com/office/drawing/2014/main" id="{24CDC95A-BC69-5A68-E6C8-0B1DB76B44BE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4" y="4321"/>
                  </a:moveTo>
                  <a:lnTo>
                    <a:pt x="29334" y="0"/>
                  </a:lnTo>
                  <a:lnTo>
                    <a:pt x="42293" y="868"/>
                  </a:lnTo>
                  <a:lnTo>
                    <a:pt x="53982" y="6531"/>
                  </a:lnTo>
                  <a:lnTo>
                    <a:pt x="62910" y="16594"/>
                  </a:lnTo>
                  <a:lnTo>
                    <a:pt x="67231" y="29337"/>
                  </a:lnTo>
                  <a:lnTo>
                    <a:pt x="66362" y="42296"/>
                  </a:lnTo>
                  <a:lnTo>
                    <a:pt x="60698" y="53982"/>
                  </a:lnTo>
                  <a:lnTo>
                    <a:pt x="50631" y="62910"/>
                  </a:lnTo>
                  <a:lnTo>
                    <a:pt x="37894" y="67232"/>
                  </a:lnTo>
                  <a:lnTo>
                    <a:pt x="24937" y="66365"/>
                  </a:lnTo>
                  <a:lnTo>
                    <a:pt x="13249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1" y="13249"/>
                  </a:lnTo>
                  <a:lnTo>
                    <a:pt x="16594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6" name="object 148">
              <a:extLst>
                <a:ext uri="{FF2B5EF4-FFF2-40B4-BE49-F238E27FC236}">
                  <a16:creationId xmlns:a16="http://schemas.microsoft.com/office/drawing/2014/main" id="{02A6C21F-8BF1-7A75-08F4-B5CFCD2FDF7F}"/>
                </a:ext>
              </a:extLst>
            </p:cNvPr>
            <p:cNvSpPr/>
            <p:nvPr/>
          </p:nvSpPr>
          <p:spPr>
            <a:xfrm>
              <a:off x="3554620" y="2657632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7" name="object 149">
              <a:extLst>
                <a:ext uri="{FF2B5EF4-FFF2-40B4-BE49-F238E27FC236}">
                  <a16:creationId xmlns:a16="http://schemas.microsoft.com/office/drawing/2014/main" id="{8254094F-1293-9CE3-14BA-188012771203}"/>
                </a:ext>
              </a:extLst>
            </p:cNvPr>
            <p:cNvSpPr/>
            <p:nvPr/>
          </p:nvSpPr>
          <p:spPr>
            <a:xfrm>
              <a:off x="3541548" y="2668823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86" y="0"/>
                  </a:lnTo>
                  <a:lnTo>
                    <a:pt x="0" y="1849"/>
                  </a:lnTo>
                  <a:lnTo>
                    <a:pt x="4403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8" name="object 150">
              <a:extLst>
                <a:ext uri="{FF2B5EF4-FFF2-40B4-BE49-F238E27FC236}">
                  <a16:creationId xmlns:a16="http://schemas.microsoft.com/office/drawing/2014/main" id="{A83F61E8-1C0C-9719-CA90-D21DBB6EE235}"/>
                </a:ext>
              </a:extLst>
            </p:cNvPr>
            <p:cNvSpPr/>
            <p:nvPr/>
          </p:nvSpPr>
          <p:spPr>
            <a:xfrm>
              <a:off x="3544441" y="2672135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83" y="3717"/>
                  </a:lnTo>
                  <a:lnTo>
                    <a:pt x="10214" y="8555"/>
                  </a:lnTo>
                  <a:lnTo>
                    <a:pt x="2631" y="12958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9" name="object 151">
              <a:extLst>
                <a:ext uri="{FF2B5EF4-FFF2-40B4-BE49-F238E27FC236}">
                  <a16:creationId xmlns:a16="http://schemas.microsoft.com/office/drawing/2014/main" id="{C674C074-A7B4-C472-B0BE-30095345622B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4" y="0"/>
                  </a:moveTo>
                  <a:lnTo>
                    <a:pt x="16594" y="4321"/>
                  </a:lnTo>
                  <a:lnTo>
                    <a:pt x="6531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49" y="60700"/>
                  </a:lnTo>
                  <a:lnTo>
                    <a:pt x="24937" y="66365"/>
                  </a:lnTo>
                  <a:lnTo>
                    <a:pt x="37894" y="67232"/>
                  </a:lnTo>
                  <a:lnTo>
                    <a:pt x="50631" y="62910"/>
                  </a:lnTo>
                  <a:lnTo>
                    <a:pt x="60698" y="53982"/>
                  </a:lnTo>
                  <a:lnTo>
                    <a:pt x="66362" y="42296"/>
                  </a:lnTo>
                  <a:lnTo>
                    <a:pt x="67231" y="29337"/>
                  </a:lnTo>
                  <a:lnTo>
                    <a:pt x="62910" y="16594"/>
                  </a:lnTo>
                  <a:lnTo>
                    <a:pt x="53982" y="6531"/>
                  </a:lnTo>
                  <a:lnTo>
                    <a:pt x="42293" y="868"/>
                  </a:lnTo>
                  <a:lnTo>
                    <a:pt x="29334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0" name="object 152">
              <a:extLst>
                <a:ext uri="{FF2B5EF4-FFF2-40B4-BE49-F238E27FC236}">
                  <a16:creationId xmlns:a16="http://schemas.microsoft.com/office/drawing/2014/main" id="{7B37B477-843D-16F7-F6F4-F86DD23A1ECB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4" y="4321"/>
                  </a:moveTo>
                  <a:lnTo>
                    <a:pt x="29334" y="0"/>
                  </a:lnTo>
                  <a:lnTo>
                    <a:pt x="42293" y="868"/>
                  </a:lnTo>
                  <a:lnTo>
                    <a:pt x="53982" y="6531"/>
                  </a:lnTo>
                  <a:lnTo>
                    <a:pt x="62910" y="16594"/>
                  </a:lnTo>
                  <a:lnTo>
                    <a:pt x="67231" y="29337"/>
                  </a:lnTo>
                  <a:lnTo>
                    <a:pt x="66362" y="42296"/>
                  </a:lnTo>
                  <a:lnTo>
                    <a:pt x="60698" y="53982"/>
                  </a:lnTo>
                  <a:lnTo>
                    <a:pt x="50631" y="62910"/>
                  </a:lnTo>
                  <a:lnTo>
                    <a:pt x="37894" y="67232"/>
                  </a:lnTo>
                  <a:lnTo>
                    <a:pt x="24937" y="66365"/>
                  </a:lnTo>
                  <a:lnTo>
                    <a:pt x="13249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1" y="13249"/>
                  </a:lnTo>
                  <a:lnTo>
                    <a:pt x="16594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1" name="object 153">
              <a:extLst>
                <a:ext uri="{FF2B5EF4-FFF2-40B4-BE49-F238E27FC236}">
                  <a16:creationId xmlns:a16="http://schemas.microsoft.com/office/drawing/2014/main" id="{44FEE7A9-9F29-4588-CA8F-63221580D612}"/>
                </a:ext>
              </a:extLst>
            </p:cNvPr>
            <p:cNvSpPr/>
            <p:nvPr/>
          </p:nvSpPr>
          <p:spPr>
            <a:xfrm>
              <a:off x="3554620" y="2657632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2" name="object 154">
              <a:extLst>
                <a:ext uri="{FF2B5EF4-FFF2-40B4-BE49-F238E27FC236}">
                  <a16:creationId xmlns:a16="http://schemas.microsoft.com/office/drawing/2014/main" id="{B7424377-FA0C-E430-698F-6FD17403993E}"/>
                </a:ext>
              </a:extLst>
            </p:cNvPr>
            <p:cNvSpPr txBox="1"/>
            <p:nvPr/>
          </p:nvSpPr>
          <p:spPr>
            <a:xfrm rot="19800000">
              <a:off x="3526605" y="2661660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93" name="object 155">
              <a:extLst>
                <a:ext uri="{FF2B5EF4-FFF2-40B4-BE49-F238E27FC236}">
                  <a16:creationId xmlns:a16="http://schemas.microsoft.com/office/drawing/2014/main" id="{FD15E411-961A-DCFE-21E4-5AD5A16AF7A0}"/>
                </a:ext>
              </a:extLst>
            </p:cNvPr>
            <p:cNvSpPr txBox="1"/>
            <p:nvPr/>
          </p:nvSpPr>
          <p:spPr>
            <a:xfrm rot="19800000">
              <a:off x="3548594" y="2655393"/>
              <a:ext cx="21345" cy="1397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694" name="object 156">
              <a:extLst>
                <a:ext uri="{FF2B5EF4-FFF2-40B4-BE49-F238E27FC236}">
                  <a16:creationId xmlns:a16="http://schemas.microsoft.com/office/drawing/2014/main" id="{542422BD-DBC0-1AE6-E4DF-7ECCBCB87BA1}"/>
                </a:ext>
              </a:extLst>
            </p:cNvPr>
            <p:cNvSpPr/>
            <p:nvPr/>
          </p:nvSpPr>
          <p:spPr>
            <a:xfrm>
              <a:off x="3541548" y="2668823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86" y="0"/>
                  </a:lnTo>
                  <a:lnTo>
                    <a:pt x="0" y="1849"/>
                  </a:lnTo>
                  <a:lnTo>
                    <a:pt x="4403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5" name="object 157">
              <a:extLst>
                <a:ext uri="{FF2B5EF4-FFF2-40B4-BE49-F238E27FC236}">
                  <a16:creationId xmlns:a16="http://schemas.microsoft.com/office/drawing/2014/main" id="{B2517C58-1255-6E8E-5D9D-8C1BE136CC92}"/>
                </a:ext>
              </a:extLst>
            </p:cNvPr>
            <p:cNvSpPr/>
            <p:nvPr/>
          </p:nvSpPr>
          <p:spPr>
            <a:xfrm>
              <a:off x="3544441" y="2672135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83" y="3717"/>
                  </a:lnTo>
                  <a:lnTo>
                    <a:pt x="10214" y="8555"/>
                  </a:lnTo>
                  <a:lnTo>
                    <a:pt x="2631" y="12958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6" name="object 158">
              <a:extLst>
                <a:ext uri="{FF2B5EF4-FFF2-40B4-BE49-F238E27FC236}">
                  <a16:creationId xmlns:a16="http://schemas.microsoft.com/office/drawing/2014/main" id="{AB6C17A0-4626-07B5-A659-32513ABFF0C1}"/>
                </a:ext>
              </a:extLst>
            </p:cNvPr>
            <p:cNvSpPr txBox="1"/>
            <p:nvPr/>
          </p:nvSpPr>
          <p:spPr>
            <a:xfrm>
              <a:off x="954701" y="3014565"/>
              <a:ext cx="739140" cy="204351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12700">
                <a:lnSpc>
                  <a:spcPts val="1675"/>
                </a:lnSpc>
              </a:pPr>
              <a:r>
                <a:rPr sz="1400" spc="-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e</a:t>
              </a:r>
              <a:r>
                <a:rPr sz="1200" spc="-7" baseline="34722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-</a:t>
              </a:r>
              <a:r>
                <a:rPr sz="1200" spc="-67" baseline="34722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 </a:t>
              </a:r>
              <a:r>
                <a:rPr sz="140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LINAC</a:t>
              </a:r>
            </a:p>
          </p:txBody>
        </p:sp>
        <p:sp>
          <p:nvSpPr>
            <p:cNvPr id="697" name="object 159">
              <a:extLst>
                <a:ext uri="{FF2B5EF4-FFF2-40B4-BE49-F238E27FC236}">
                  <a16:creationId xmlns:a16="http://schemas.microsoft.com/office/drawing/2014/main" id="{DDAB88E1-8A8A-EBA7-5EA2-CC2EDD9E858B}"/>
                </a:ext>
              </a:extLst>
            </p:cNvPr>
            <p:cNvSpPr txBox="1"/>
            <p:nvPr/>
          </p:nvSpPr>
          <p:spPr>
            <a:xfrm rot="21420000">
              <a:off x="3104808" y="2676669"/>
              <a:ext cx="252232" cy="23403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795"/>
                </a:lnSpc>
              </a:pPr>
              <a:r>
                <a:rPr sz="1800" spc="25">
                  <a:solidFill>
                    <a:schemeClr val="bg2">
                      <a:lumMod val="25000"/>
                    </a:schemeClr>
                  </a:solidFill>
                  <a:latin typeface="Calibri"/>
                  <a:cs typeface="Calibri"/>
                </a:rPr>
                <a:t>γ</a:t>
              </a:r>
              <a:endParaRPr sz="1800">
                <a:solidFill>
                  <a:schemeClr val="bg2">
                    <a:lumMod val="25000"/>
                  </a:schemeClr>
                </a:solidFill>
                <a:latin typeface="Calibri"/>
                <a:cs typeface="Calibri"/>
              </a:endParaRPr>
            </a:p>
          </p:txBody>
        </p:sp>
        <p:sp>
          <p:nvSpPr>
            <p:cNvPr id="698" name="object 173">
              <a:extLst>
                <a:ext uri="{FF2B5EF4-FFF2-40B4-BE49-F238E27FC236}">
                  <a16:creationId xmlns:a16="http://schemas.microsoft.com/office/drawing/2014/main" id="{2A66A985-D489-854F-7537-C901C08FAD29}"/>
                </a:ext>
              </a:extLst>
            </p:cNvPr>
            <p:cNvSpPr/>
            <p:nvPr/>
          </p:nvSpPr>
          <p:spPr>
            <a:xfrm>
              <a:off x="5132453" y="1036166"/>
              <a:ext cx="596265" cy="0"/>
            </a:xfrm>
            <a:custGeom>
              <a:avLst/>
              <a:gdLst/>
              <a:ahLst/>
              <a:cxnLst/>
              <a:rect l="l" t="t" r="r" b="b"/>
              <a:pathLst>
                <a:path w="596265">
                  <a:moveTo>
                    <a:pt x="0" y="0"/>
                  </a:moveTo>
                  <a:lnTo>
                    <a:pt x="595694" y="0"/>
                  </a:lnTo>
                </a:path>
              </a:pathLst>
            </a:custGeom>
            <a:ln w="17898">
              <a:solidFill>
                <a:srgbClr val="F5821F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9" name="object 174">
              <a:extLst>
                <a:ext uri="{FF2B5EF4-FFF2-40B4-BE49-F238E27FC236}">
                  <a16:creationId xmlns:a16="http://schemas.microsoft.com/office/drawing/2014/main" id="{BDC08272-AA54-43BC-A574-4D0B821551C1}"/>
                </a:ext>
              </a:extLst>
            </p:cNvPr>
            <p:cNvSpPr/>
            <p:nvPr/>
          </p:nvSpPr>
          <p:spPr>
            <a:xfrm>
              <a:off x="5705669" y="993614"/>
              <a:ext cx="76488" cy="85115"/>
            </a:xfrm>
            <a:prstGeom prst="rect">
              <a:avLst/>
            </a:prstGeom>
            <a:blipFill>
              <a:blip r:embed="rId7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0" name="object 175">
              <a:extLst>
                <a:ext uri="{FF2B5EF4-FFF2-40B4-BE49-F238E27FC236}">
                  <a16:creationId xmlns:a16="http://schemas.microsoft.com/office/drawing/2014/main" id="{4A9885F7-E414-F2C5-9992-E2ECFD5998A9}"/>
                </a:ext>
              </a:extLst>
            </p:cNvPr>
            <p:cNvSpPr/>
            <p:nvPr/>
          </p:nvSpPr>
          <p:spPr>
            <a:xfrm>
              <a:off x="4217992" y="3392057"/>
              <a:ext cx="24130" cy="24130"/>
            </a:xfrm>
            <a:custGeom>
              <a:avLst/>
              <a:gdLst/>
              <a:ahLst/>
              <a:cxnLst/>
              <a:rect l="l" t="t" r="r" b="b"/>
              <a:pathLst>
                <a:path w="24129" h="24129">
                  <a:moveTo>
                    <a:pt x="23865" y="0"/>
                  </a:moveTo>
                  <a:lnTo>
                    <a:pt x="23865" y="23865"/>
                  </a:lnTo>
                  <a:lnTo>
                    <a:pt x="0" y="23865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1" name="object 176">
              <a:extLst>
                <a:ext uri="{FF2B5EF4-FFF2-40B4-BE49-F238E27FC236}">
                  <a16:creationId xmlns:a16="http://schemas.microsoft.com/office/drawing/2014/main" id="{67F19033-196C-2A74-A21F-DD338E77A3F4}"/>
                </a:ext>
              </a:extLst>
            </p:cNvPr>
            <p:cNvSpPr/>
            <p:nvPr/>
          </p:nvSpPr>
          <p:spPr>
            <a:xfrm>
              <a:off x="3032638" y="3415922"/>
              <a:ext cx="1137285" cy="0"/>
            </a:xfrm>
            <a:custGeom>
              <a:avLst/>
              <a:gdLst/>
              <a:ahLst/>
              <a:cxnLst/>
              <a:rect l="l" t="t" r="r" b="b"/>
              <a:pathLst>
                <a:path w="1137284">
                  <a:moveTo>
                    <a:pt x="1136971" y="0"/>
                  </a:moveTo>
                  <a:lnTo>
                    <a:pt x="0" y="0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2" name="object 177">
              <a:extLst>
                <a:ext uri="{FF2B5EF4-FFF2-40B4-BE49-F238E27FC236}">
                  <a16:creationId xmlns:a16="http://schemas.microsoft.com/office/drawing/2014/main" id="{2EC3EA23-BE04-184E-AC64-7CA27CAE848A}"/>
                </a:ext>
              </a:extLst>
            </p:cNvPr>
            <p:cNvSpPr/>
            <p:nvPr/>
          </p:nvSpPr>
          <p:spPr>
            <a:xfrm>
              <a:off x="2984579" y="3392057"/>
              <a:ext cx="24130" cy="24130"/>
            </a:xfrm>
            <a:custGeom>
              <a:avLst/>
              <a:gdLst/>
              <a:ahLst/>
              <a:cxnLst/>
              <a:rect l="l" t="t" r="r" b="b"/>
              <a:pathLst>
                <a:path w="24129" h="24129">
                  <a:moveTo>
                    <a:pt x="23865" y="23865"/>
                  </a:moveTo>
                  <a:lnTo>
                    <a:pt x="0" y="23865"/>
                  </a:lnTo>
                  <a:lnTo>
                    <a:pt x="0" y="0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3" name="object 178">
              <a:extLst>
                <a:ext uri="{FF2B5EF4-FFF2-40B4-BE49-F238E27FC236}">
                  <a16:creationId xmlns:a16="http://schemas.microsoft.com/office/drawing/2014/main" id="{FFA25ED9-E296-763B-585C-7CEC68414339}"/>
                </a:ext>
              </a:extLst>
            </p:cNvPr>
            <p:cNvSpPr/>
            <p:nvPr/>
          </p:nvSpPr>
          <p:spPr>
            <a:xfrm>
              <a:off x="2984579" y="2774538"/>
              <a:ext cx="0" cy="568325"/>
            </a:xfrm>
            <a:custGeom>
              <a:avLst/>
              <a:gdLst/>
              <a:ahLst/>
              <a:cxnLst/>
              <a:rect l="l" t="t" r="r" b="b"/>
              <a:pathLst>
                <a:path h="568325">
                  <a:moveTo>
                    <a:pt x="0" y="568118"/>
                  </a:moveTo>
                  <a:lnTo>
                    <a:pt x="0" y="0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5" name="object 180">
              <a:extLst>
                <a:ext uri="{FF2B5EF4-FFF2-40B4-BE49-F238E27FC236}">
                  <a16:creationId xmlns:a16="http://schemas.microsoft.com/office/drawing/2014/main" id="{9661D87C-3177-8E20-D96B-6A62CFF35732}"/>
                </a:ext>
              </a:extLst>
            </p:cNvPr>
            <p:cNvSpPr/>
            <p:nvPr/>
          </p:nvSpPr>
          <p:spPr>
            <a:xfrm>
              <a:off x="3056827" y="2725977"/>
              <a:ext cx="1137285" cy="0"/>
            </a:xfrm>
            <a:custGeom>
              <a:avLst/>
              <a:gdLst/>
              <a:ahLst/>
              <a:cxnLst/>
              <a:rect l="l" t="t" r="r" b="b"/>
              <a:pathLst>
                <a:path w="1137284">
                  <a:moveTo>
                    <a:pt x="0" y="0"/>
                  </a:moveTo>
                  <a:lnTo>
                    <a:pt x="1136971" y="0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6" name="object 181">
              <a:extLst>
                <a:ext uri="{FF2B5EF4-FFF2-40B4-BE49-F238E27FC236}">
                  <a16:creationId xmlns:a16="http://schemas.microsoft.com/office/drawing/2014/main" id="{DE64BE7A-909C-C8A6-C563-7E664BEB40DD}"/>
                </a:ext>
              </a:extLst>
            </p:cNvPr>
            <p:cNvSpPr/>
            <p:nvPr/>
          </p:nvSpPr>
          <p:spPr>
            <a:xfrm>
              <a:off x="4217992" y="2725977"/>
              <a:ext cx="24130" cy="24130"/>
            </a:xfrm>
            <a:custGeom>
              <a:avLst/>
              <a:gdLst/>
              <a:ahLst/>
              <a:cxnLst/>
              <a:rect l="l" t="t" r="r" b="b"/>
              <a:pathLst>
                <a:path w="24129" h="24129">
                  <a:moveTo>
                    <a:pt x="0" y="0"/>
                  </a:moveTo>
                  <a:lnTo>
                    <a:pt x="23865" y="0"/>
                  </a:lnTo>
                  <a:lnTo>
                    <a:pt x="23865" y="23865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7" name="object 182">
              <a:extLst>
                <a:ext uri="{FF2B5EF4-FFF2-40B4-BE49-F238E27FC236}">
                  <a16:creationId xmlns:a16="http://schemas.microsoft.com/office/drawing/2014/main" id="{641D9766-0CC7-FE06-1792-EA13035E4D78}"/>
                </a:ext>
              </a:extLst>
            </p:cNvPr>
            <p:cNvSpPr/>
            <p:nvPr/>
          </p:nvSpPr>
          <p:spPr>
            <a:xfrm>
              <a:off x="4241858" y="2799242"/>
              <a:ext cx="0" cy="568325"/>
            </a:xfrm>
            <a:custGeom>
              <a:avLst/>
              <a:gdLst/>
              <a:ahLst/>
              <a:cxnLst/>
              <a:rect l="l" t="t" r="r" b="b"/>
              <a:pathLst>
                <a:path h="568325">
                  <a:moveTo>
                    <a:pt x="0" y="0"/>
                  </a:moveTo>
                  <a:lnTo>
                    <a:pt x="0" y="568118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8" name="object 183">
              <a:extLst>
                <a:ext uri="{FF2B5EF4-FFF2-40B4-BE49-F238E27FC236}">
                  <a16:creationId xmlns:a16="http://schemas.microsoft.com/office/drawing/2014/main" id="{93ADFA14-68A0-80ED-7CE4-4807B26202FB}"/>
                </a:ext>
              </a:extLst>
            </p:cNvPr>
            <p:cNvSpPr txBox="1"/>
            <p:nvPr/>
          </p:nvSpPr>
          <p:spPr>
            <a:xfrm>
              <a:off x="3727102" y="2775182"/>
              <a:ext cx="2381250" cy="455295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  <a:tabLst>
                  <a:tab pos="626745" algn="l"/>
                </a:tabLst>
              </a:pPr>
              <a:r>
                <a:rPr sz="140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60 </a:t>
              </a:r>
              <a:r>
                <a:rPr sz="1400" spc="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kV	</a:t>
              </a:r>
              <a:r>
                <a:rPr sz="140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Target and ion</a:t>
              </a:r>
              <a:r>
                <a:rPr sz="1400" spc="-3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 </a:t>
              </a:r>
              <a:r>
                <a:rPr sz="140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source</a:t>
              </a:r>
            </a:p>
            <a:p>
              <a:pPr marL="1179830">
                <a:lnSpc>
                  <a:spcPct val="100000"/>
                </a:lnSpc>
                <a:spcBef>
                  <a:spcPts val="10"/>
                </a:spcBef>
              </a:pPr>
              <a:r>
                <a:rPr sz="140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2000</a:t>
              </a:r>
              <a:r>
                <a:rPr sz="1400" spc="-1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 </a:t>
              </a:r>
              <a:r>
                <a:rPr sz="1200" spc="0" baseline="3125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o</a:t>
              </a:r>
              <a:r>
                <a:rPr sz="1400" spc="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C</a:t>
              </a:r>
              <a:endParaRPr sz="1400">
                <a:solidFill>
                  <a:schemeClr val="bg2">
                    <a:lumMod val="25000"/>
                  </a:schemeClr>
                </a:solidFill>
                <a:latin typeface="Arial"/>
                <a:cs typeface="Arial"/>
              </a:endParaRPr>
            </a:p>
          </p:txBody>
        </p:sp>
        <p:sp>
          <p:nvSpPr>
            <p:cNvPr id="710" name="object 185">
              <a:extLst>
                <a:ext uri="{FF2B5EF4-FFF2-40B4-BE49-F238E27FC236}">
                  <a16:creationId xmlns:a16="http://schemas.microsoft.com/office/drawing/2014/main" id="{7A28BACE-6397-53CE-8291-E7DD5FC9EB6B}"/>
                </a:ext>
              </a:extLst>
            </p:cNvPr>
            <p:cNvSpPr/>
            <p:nvPr/>
          </p:nvSpPr>
          <p:spPr>
            <a:xfrm>
              <a:off x="3421170" y="3186525"/>
              <a:ext cx="58419" cy="57150"/>
            </a:xfrm>
            <a:custGeom>
              <a:avLst/>
              <a:gdLst/>
              <a:ahLst/>
              <a:cxnLst/>
              <a:rect l="l" t="t" r="r" b="b"/>
              <a:pathLst>
                <a:path w="58420" h="57150">
                  <a:moveTo>
                    <a:pt x="57831" y="0"/>
                  </a:moveTo>
                  <a:lnTo>
                    <a:pt x="0" y="13955"/>
                  </a:lnTo>
                  <a:lnTo>
                    <a:pt x="40994" y="57067"/>
                  </a:lnTo>
                  <a:lnTo>
                    <a:pt x="57831" y="0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1" name="object 186">
              <a:extLst>
                <a:ext uri="{FF2B5EF4-FFF2-40B4-BE49-F238E27FC236}">
                  <a16:creationId xmlns:a16="http://schemas.microsoft.com/office/drawing/2014/main" id="{BA0EFE1B-21B2-73E6-E44C-41D640AD5CED}"/>
                </a:ext>
              </a:extLst>
            </p:cNvPr>
            <p:cNvSpPr/>
            <p:nvPr/>
          </p:nvSpPr>
          <p:spPr>
            <a:xfrm>
              <a:off x="3509627" y="3069182"/>
              <a:ext cx="874394" cy="56515"/>
            </a:xfrm>
            <a:custGeom>
              <a:avLst/>
              <a:gdLst/>
              <a:ahLst/>
              <a:cxnLst/>
              <a:rect l="l" t="t" r="r" b="b"/>
              <a:pathLst>
                <a:path w="874395" h="56514">
                  <a:moveTo>
                    <a:pt x="873784" y="0"/>
                  </a:moveTo>
                  <a:lnTo>
                    <a:pt x="0" y="55958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2" name="object 187">
              <a:extLst>
                <a:ext uri="{FF2B5EF4-FFF2-40B4-BE49-F238E27FC236}">
                  <a16:creationId xmlns:a16="http://schemas.microsoft.com/office/drawing/2014/main" id="{B3292B66-DED4-414E-68FC-230A515EAE69}"/>
                </a:ext>
              </a:extLst>
            </p:cNvPr>
            <p:cNvSpPr/>
            <p:nvPr/>
          </p:nvSpPr>
          <p:spPr>
            <a:xfrm>
              <a:off x="3466894" y="3094898"/>
              <a:ext cx="53340" cy="59690"/>
            </a:xfrm>
            <a:custGeom>
              <a:avLst/>
              <a:gdLst/>
              <a:ahLst/>
              <a:cxnLst/>
              <a:rect l="l" t="t" r="r" b="b"/>
              <a:pathLst>
                <a:path w="53340" h="59689">
                  <a:moveTo>
                    <a:pt x="49514" y="0"/>
                  </a:moveTo>
                  <a:lnTo>
                    <a:pt x="0" y="32981"/>
                  </a:lnTo>
                  <a:lnTo>
                    <a:pt x="53320" y="59376"/>
                  </a:lnTo>
                  <a:lnTo>
                    <a:pt x="49514" y="0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7" name="object 308">
              <a:extLst>
                <a:ext uri="{FF2B5EF4-FFF2-40B4-BE49-F238E27FC236}">
                  <a16:creationId xmlns:a16="http://schemas.microsoft.com/office/drawing/2014/main" id="{2CD20508-8AAB-15FA-B757-31ECCFFEDAEA}"/>
                </a:ext>
              </a:extLst>
            </p:cNvPr>
            <p:cNvSpPr/>
            <p:nvPr/>
          </p:nvSpPr>
          <p:spPr>
            <a:xfrm>
              <a:off x="4717432" y="391379"/>
              <a:ext cx="0" cy="336550"/>
            </a:xfrm>
            <a:custGeom>
              <a:avLst/>
              <a:gdLst/>
              <a:ahLst/>
              <a:cxnLst/>
              <a:rect l="l" t="t" r="r" b="b"/>
              <a:pathLst>
                <a:path h="336550">
                  <a:moveTo>
                    <a:pt x="0" y="0"/>
                  </a:moveTo>
                  <a:lnTo>
                    <a:pt x="0" y="336446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8" name="object 309">
              <a:extLst>
                <a:ext uri="{FF2B5EF4-FFF2-40B4-BE49-F238E27FC236}">
                  <a16:creationId xmlns:a16="http://schemas.microsoft.com/office/drawing/2014/main" id="{6A1108B6-6BA0-06AC-E878-B4F433ED30D0}"/>
                </a:ext>
              </a:extLst>
            </p:cNvPr>
            <p:cNvSpPr/>
            <p:nvPr/>
          </p:nvSpPr>
          <p:spPr>
            <a:xfrm>
              <a:off x="4721989" y="926080"/>
              <a:ext cx="0" cy="330835"/>
            </a:xfrm>
            <a:custGeom>
              <a:avLst/>
              <a:gdLst/>
              <a:ahLst/>
              <a:cxnLst/>
              <a:rect l="l" t="t" r="r" b="b"/>
              <a:pathLst>
                <a:path h="330835">
                  <a:moveTo>
                    <a:pt x="0" y="0"/>
                  </a:moveTo>
                  <a:lnTo>
                    <a:pt x="0" y="330754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9" name="object 310">
              <a:extLst>
                <a:ext uri="{FF2B5EF4-FFF2-40B4-BE49-F238E27FC236}">
                  <a16:creationId xmlns:a16="http://schemas.microsoft.com/office/drawing/2014/main" id="{950793C6-5FF6-5F09-FB5D-7EF61F2FDD92}"/>
                </a:ext>
              </a:extLst>
            </p:cNvPr>
            <p:cNvSpPr/>
            <p:nvPr/>
          </p:nvSpPr>
          <p:spPr>
            <a:xfrm>
              <a:off x="4729103" y="715800"/>
              <a:ext cx="1074420" cy="0"/>
            </a:xfrm>
            <a:custGeom>
              <a:avLst/>
              <a:gdLst/>
              <a:ahLst/>
              <a:cxnLst/>
              <a:rect l="l" t="t" r="r" b="b"/>
              <a:pathLst>
                <a:path w="1074420">
                  <a:moveTo>
                    <a:pt x="0" y="0"/>
                  </a:moveTo>
                  <a:lnTo>
                    <a:pt x="1073936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20" name="object 311">
              <a:extLst>
                <a:ext uri="{FF2B5EF4-FFF2-40B4-BE49-F238E27FC236}">
                  <a16:creationId xmlns:a16="http://schemas.microsoft.com/office/drawing/2014/main" id="{7642A2FA-3D58-8041-C3E6-79123A173C1A}"/>
                </a:ext>
              </a:extLst>
            </p:cNvPr>
            <p:cNvSpPr/>
            <p:nvPr/>
          </p:nvSpPr>
          <p:spPr>
            <a:xfrm>
              <a:off x="4729103" y="938135"/>
              <a:ext cx="1074420" cy="0"/>
            </a:xfrm>
            <a:custGeom>
              <a:avLst/>
              <a:gdLst/>
              <a:ahLst/>
              <a:cxnLst/>
              <a:rect l="l" t="t" r="r" b="b"/>
              <a:pathLst>
                <a:path w="1074420">
                  <a:moveTo>
                    <a:pt x="0" y="0"/>
                  </a:moveTo>
                  <a:lnTo>
                    <a:pt x="1073936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21" name="object 312">
              <a:extLst>
                <a:ext uri="{FF2B5EF4-FFF2-40B4-BE49-F238E27FC236}">
                  <a16:creationId xmlns:a16="http://schemas.microsoft.com/office/drawing/2014/main" id="{ADDFEF99-A33F-58B5-12AF-A83A669CAD95}"/>
                </a:ext>
              </a:extLst>
            </p:cNvPr>
            <p:cNvSpPr txBox="1"/>
            <p:nvPr/>
          </p:nvSpPr>
          <p:spPr>
            <a:xfrm>
              <a:off x="4755559" y="1228384"/>
              <a:ext cx="1524635" cy="433901"/>
            </a:xfrm>
            <a:prstGeom prst="rect">
              <a:avLst/>
            </a:prstGeom>
          </p:spPr>
          <p:txBody>
            <a:bodyPr vert="horz" wrap="square" lIns="0" tIns="1206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R="5080" indent="-635" algn="ctr">
                <a:lnSpc>
                  <a:spcPct val="100699"/>
                </a:lnSpc>
                <a:spcBef>
                  <a:spcPts val="95"/>
                </a:spcBef>
              </a:pPr>
              <a:r>
                <a:rPr sz="1400" spc="-5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Radioactive ion  </a:t>
              </a:r>
              <a:r>
                <a:rPr sz="1400">
                  <a:solidFill>
                    <a:schemeClr val="bg2">
                      <a:lumMod val="25000"/>
                    </a:schemeClr>
                  </a:solidFill>
                  <a:latin typeface="Arial"/>
                  <a:cs typeface="Arial"/>
                </a:rPr>
                <a:t>beams</a:t>
              </a:r>
            </a:p>
          </p:txBody>
        </p:sp>
        <p:sp>
          <p:nvSpPr>
            <p:cNvPr id="12" name="object 66">
              <a:extLst>
                <a:ext uri="{FF2B5EF4-FFF2-40B4-BE49-F238E27FC236}">
                  <a16:creationId xmlns:a16="http://schemas.microsoft.com/office/drawing/2014/main" id="{77EF5893-B609-63B3-B66E-3AF126BBFE7E}"/>
                </a:ext>
              </a:extLst>
            </p:cNvPr>
            <p:cNvSpPr/>
            <p:nvPr/>
          </p:nvSpPr>
          <p:spPr>
            <a:xfrm>
              <a:off x="3291120" y="2329920"/>
              <a:ext cx="635" cy="160655"/>
            </a:xfrm>
            <a:custGeom>
              <a:avLst/>
              <a:gdLst/>
              <a:ahLst/>
              <a:cxnLst/>
              <a:rect l="l" t="t" r="r" b="b"/>
              <a:pathLst>
                <a:path w="634" h="160654">
                  <a:moveTo>
                    <a:pt x="220" y="-11932"/>
                  </a:moveTo>
                  <a:lnTo>
                    <a:pt x="220" y="172414"/>
                  </a:lnTo>
                </a:path>
              </a:pathLst>
            </a:custGeom>
            <a:ln w="24306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3" name="object 67">
              <a:extLst>
                <a:ext uri="{FF2B5EF4-FFF2-40B4-BE49-F238E27FC236}">
                  <a16:creationId xmlns:a16="http://schemas.microsoft.com/office/drawing/2014/main" id="{BF479FB4-09A1-1DFB-49D4-1C342D15A728}"/>
                </a:ext>
              </a:extLst>
            </p:cNvPr>
            <p:cNvSpPr/>
            <p:nvPr/>
          </p:nvSpPr>
          <p:spPr>
            <a:xfrm>
              <a:off x="3172945" y="2424317"/>
              <a:ext cx="104139" cy="1905"/>
            </a:xfrm>
            <a:custGeom>
              <a:avLst/>
              <a:gdLst/>
              <a:ahLst/>
              <a:cxnLst/>
              <a:rect l="l" t="t" r="r" b="b"/>
              <a:pathLst>
                <a:path w="104140" h="1904">
                  <a:moveTo>
                    <a:pt x="103927" y="0"/>
                  </a:moveTo>
                  <a:lnTo>
                    <a:pt x="0" y="1897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4" name="object 68">
              <a:extLst>
                <a:ext uri="{FF2B5EF4-FFF2-40B4-BE49-F238E27FC236}">
                  <a16:creationId xmlns:a16="http://schemas.microsoft.com/office/drawing/2014/main" id="{0F8E2A5E-C5FA-4624-2294-CB258EB9BF37}"/>
                </a:ext>
              </a:extLst>
            </p:cNvPr>
            <p:cNvSpPr/>
            <p:nvPr/>
          </p:nvSpPr>
          <p:spPr>
            <a:xfrm>
              <a:off x="3154722" y="2337404"/>
              <a:ext cx="24130" cy="179070"/>
            </a:xfrm>
            <a:custGeom>
              <a:avLst/>
              <a:gdLst/>
              <a:ahLst/>
              <a:cxnLst/>
              <a:rect l="l" t="t" r="r" b="b"/>
              <a:pathLst>
                <a:path w="24129" h="179070">
                  <a:moveTo>
                    <a:pt x="0" y="178864"/>
                  </a:moveTo>
                  <a:lnTo>
                    <a:pt x="24032" y="178864"/>
                  </a:lnTo>
                  <a:lnTo>
                    <a:pt x="24032" y="0"/>
                  </a:lnTo>
                  <a:lnTo>
                    <a:pt x="0" y="0"/>
                  </a:lnTo>
                  <a:lnTo>
                    <a:pt x="0" y="178864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5" name="object 69">
              <a:extLst>
                <a:ext uri="{FF2B5EF4-FFF2-40B4-BE49-F238E27FC236}">
                  <a16:creationId xmlns:a16="http://schemas.microsoft.com/office/drawing/2014/main" id="{E84947A8-0DB8-F5AF-C5BD-A5DC7E057C43}"/>
                </a:ext>
              </a:extLst>
            </p:cNvPr>
            <p:cNvSpPr/>
            <p:nvPr/>
          </p:nvSpPr>
          <p:spPr>
            <a:xfrm>
              <a:off x="3154722" y="2337404"/>
              <a:ext cx="24130" cy="179070"/>
            </a:xfrm>
            <a:custGeom>
              <a:avLst/>
              <a:gdLst/>
              <a:ahLst/>
              <a:cxnLst/>
              <a:rect l="l" t="t" r="r" b="b"/>
              <a:pathLst>
                <a:path w="24129" h="179070">
                  <a:moveTo>
                    <a:pt x="0" y="178864"/>
                  </a:moveTo>
                  <a:lnTo>
                    <a:pt x="24032" y="178864"/>
                  </a:lnTo>
                  <a:lnTo>
                    <a:pt x="24032" y="0"/>
                  </a:lnTo>
                  <a:lnTo>
                    <a:pt x="0" y="0"/>
                  </a:lnTo>
                  <a:lnTo>
                    <a:pt x="0" y="178864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6" name="object 70">
              <a:extLst>
                <a:ext uri="{FF2B5EF4-FFF2-40B4-BE49-F238E27FC236}">
                  <a16:creationId xmlns:a16="http://schemas.microsoft.com/office/drawing/2014/main" id="{A3E51682-91E8-572C-4DC4-9693D37FB29A}"/>
                </a:ext>
              </a:extLst>
            </p:cNvPr>
            <p:cNvSpPr/>
            <p:nvPr/>
          </p:nvSpPr>
          <p:spPr>
            <a:xfrm>
              <a:off x="3124892" y="2375139"/>
              <a:ext cx="635" cy="105410"/>
            </a:xfrm>
            <a:custGeom>
              <a:avLst/>
              <a:gdLst/>
              <a:ahLst/>
              <a:cxnLst/>
              <a:rect l="l" t="t" r="r" b="b"/>
              <a:pathLst>
                <a:path w="634" h="105410">
                  <a:moveTo>
                    <a:pt x="119" y="0"/>
                  </a:moveTo>
                  <a:lnTo>
                    <a:pt x="0" y="10540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</p:grpSp>
      <p:sp>
        <p:nvSpPr>
          <p:cNvPr id="17" name="TextBox 16">
            <a:extLst>
              <a:ext uri="{FF2B5EF4-FFF2-40B4-BE49-F238E27FC236}">
                <a16:creationId xmlns:a16="http://schemas.microsoft.com/office/drawing/2014/main" id="{FC3C91F5-F495-D147-56CA-B5DDEB70706E}"/>
              </a:ext>
            </a:extLst>
          </p:cNvPr>
          <p:cNvSpPr txBox="1"/>
          <p:nvPr/>
        </p:nvSpPr>
        <p:spPr>
          <a:xfrm>
            <a:off x="6201265" y="5685899"/>
            <a:ext cx="2801828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8925" indent="-288925"/>
            <a:r>
              <a:rPr lang="en-US" sz="1600">
                <a:solidFill>
                  <a:schemeClr val="bg2">
                    <a:lumMod val="25000"/>
                  </a:schemeClr>
                </a:solidFill>
              </a:rPr>
              <a:t>→ Thinner target or change of orientation</a:t>
            </a:r>
          </a:p>
        </p:txBody>
      </p:sp>
      <p:pic>
        <p:nvPicPr>
          <p:cNvPr id="986" name="Picture 985">
            <a:extLst>
              <a:ext uri="{FF2B5EF4-FFF2-40B4-BE49-F238E27FC236}">
                <a16:creationId xmlns:a16="http://schemas.microsoft.com/office/drawing/2014/main" id="{AC09141C-21E6-C070-B792-A0828D5618FB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71737"/>
          <a:stretch/>
        </p:blipFill>
        <p:spPr>
          <a:xfrm>
            <a:off x="8982232" y="2292317"/>
            <a:ext cx="2834248" cy="3376680"/>
          </a:xfrm>
          <a:prstGeom prst="rect">
            <a:avLst/>
          </a:prstGeom>
        </p:spPr>
      </p:pic>
      <p:pic>
        <p:nvPicPr>
          <p:cNvPr id="987" name="Picture 986">
            <a:extLst>
              <a:ext uri="{FF2B5EF4-FFF2-40B4-BE49-F238E27FC236}">
                <a16:creationId xmlns:a16="http://schemas.microsoft.com/office/drawing/2014/main" id="{78ED4EA7-21F8-1119-E5BE-DE44BF7466F1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r="70143"/>
          <a:stretch/>
        </p:blipFill>
        <p:spPr>
          <a:xfrm>
            <a:off x="6110474" y="2351904"/>
            <a:ext cx="2994044" cy="3376680"/>
          </a:xfrm>
          <a:prstGeom prst="rect">
            <a:avLst/>
          </a:prstGeom>
        </p:spPr>
      </p:pic>
      <p:sp>
        <p:nvSpPr>
          <p:cNvPr id="989" name="TextBox 988">
            <a:extLst>
              <a:ext uri="{FF2B5EF4-FFF2-40B4-BE49-F238E27FC236}">
                <a16:creationId xmlns:a16="http://schemas.microsoft.com/office/drawing/2014/main" id="{8136BA23-2B05-B331-FBE8-85FB22421A0A}"/>
              </a:ext>
            </a:extLst>
          </p:cNvPr>
          <p:cNvSpPr txBox="1"/>
          <p:nvPr/>
        </p:nvSpPr>
        <p:spPr>
          <a:xfrm>
            <a:off x="9119007" y="5668997"/>
            <a:ext cx="2795401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304800" indent="-304800"/>
            <a:r>
              <a:rPr lang="en-US" sz="1600">
                <a:solidFill>
                  <a:schemeClr val="bg2">
                    <a:lumMod val="25000"/>
                  </a:schemeClr>
                </a:solidFill>
              </a:rPr>
              <a:t>→ ISAC target cooling fins not viable</a:t>
            </a:r>
          </a:p>
        </p:txBody>
      </p:sp>
      <p:pic>
        <p:nvPicPr>
          <p:cNvPr id="1002" name="Picture 1001">
            <a:extLst>
              <a:ext uri="{FF2B5EF4-FFF2-40B4-BE49-F238E27FC236}">
                <a16:creationId xmlns:a16="http://schemas.microsoft.com/office/drawing/2014/main" id="{596A9855-A1B9-DCFF-8490-14B0DB65C00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229159" y="646182"/>
            <a:ext cx="2834248" cy="1625327"/>
          </a:xfrm>
          <a:prstGeom prst="rect">
            <a:avLst/>
          </a:prstGeom>
        </p:spPr>
      </p:pic>
      <p:pic>
        <p:nvPicPr>
          <p:cNvPr id="1003" name="Picture 1002">
            <a:extLst>
              <a:ext uri="{FF2B5EF4-FFF2-40B4-BE49-F238E27FC236}">
                <a16:creationId xmlns:a16="http://schemas.microsoft.com/office/drawing/2014/main" id="{6FEDE28D-FEE2-0FC1-C71A-AF2D2ADACEBE}"/>
              </a:ext>
            </a:extLst>
          </p:cNvPr>
          <p:cNvPicPr>
            <a:picLocks noChangeAspect="1"/>
          </p:cNvPicPr>
          <p:nvPr/>
        </p:nvPicPr>
        <p:blipFill rotWithShape="1">
          <a:blip r:embed="rId11"/>
          <a:srcRect l="9154" t="1466" r="2494" b="4518"/>
          <a:stretch/>
        </p:blipFill>
        <p:spPr>
          <a:xfrm rot="5400000">
            <a:off x="9625039" y="798803"/>
            <a:ext cx="1724703" cy="15155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80500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989" grpId="0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F1F0438-1967-4992-0BAB-DA70C716B8C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CA"/>
              <a:t>ARIEL Targetry System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BAF2068-40CE-69F8-C26B-48E8F34EE4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38</a:t>
            </a:fld>
            <a:endParaRPr lang="en-US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1EA3C360-EA43-9705-CEE8-832A14527958}"/>
              </a:ext>
            </a:extLst>
          </p:cNvPr>
          <p:cNvSpPr txBox="1">
            <a:spLocks/>
          </p:cNvSpPr>
          <p:nvPr/>
        </p:nvSpPr>
        <p:spPr>
          <a:xfrm>
            <a:off x="2008498" y="693743"/>
            <a:ext cx="9577143" cy="350306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CA" sz="240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C3153E9B-45D2-EB72-0101-5E7DEED76313}"/>
              </a:ext>
            </a:extLst>
          </p:cNvPr>
          <p:cNvSpPr txBox="1">
            <a:spLocks/>
          </p:cNvSpPr>
          <p:nvPr/>
        </p:nvSpPr>
        <p:spPr>
          <a:xfrm>
            <a:off x="2013648" y="1693735"/>
            <a:ext cx="4904510" cy="1802953"/>
          </a:xfrm>
          <a:prstGeom prst="rect">
            <a:avLst/>
          </a:prstGeom>
        </p:spPr>
        <p:txBody>
          <a:bodyPr anchor="t">
            <a:normAutofit/>
          </a:bodyPr>
          <a:lstStyle>
            <a:lvl1pPr>
              <a:lnSpc>
                <a:spcPct val="90000"/>
              </a:lnSpc>
              <a:spcBef>
                <a:spcPct val="0"/>
              </a:spcBef>
              <a:buNone/>
              <a:defRPr sz="4000" b="1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Arial" panose="020B0604020202020204"/>
              <a:cs typeface="Arial" charset="0"/>
            </a:endParaRPr>
          </a:p>
        </p:txBody>
      </p:sp>
      <p:pic>
        <p:nvPicPr>
          <p:cNvPr id="7" name="Picture 2">
            <a:extLst>
              <a:ext uri="{FF2B5EF4-FFF2-40B4-BE49-F238E27FC236}">
                <a16:creationId xmlns:a16="http://schemas.microsoft.com/office/drawing/2014/main" id="{E0D47112-BBAF-5658-1817-C7013855CDF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343218" y="624518"/>
            <a:ext cx="9464745" cy="612424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1CCD3EF2-49C5-9275-FDB2-0CF493DCD624}"/>
              </a:ext>
            </a:extLst>
          </p:cNvPr>
          <p:cNvSpPr txBox="1"/>
          <p:nvPr/>
        </p:nvSpPr>
        <p:spPr>
          <a:xfrm>
            <a:off x="4146495" y="3117644"/>
            <a:ext cx="159188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module storag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95A32C4-D6B7-870E-FE61-67F423D65FA0}"/>
              </a:ext>
            </a:extLst>
          </p:cNvPr>
          <p:cNvSpPr txBox="1"/>
          <p:nvPr/>
        </p:nvSpPr>
        <p:spPr>
          <a:xfrm>
            <a:off x="6359913" y="4292922"/>
            <a:ext cx="27921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AA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pent target storage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07E2DFF-27CA-0546-0DA5-3464DE977FF8}"/>
              </a:ext>
            </a:extLst>
          </p:cNvPr>
          <p:cNvSpPr txBox="1"/>
          <p:nvPr/>
        </p:nvSpPr>
        <p:spPr>
          <a:xfrm>
            <a:off x="2824220" y="3580486"/>
            <a:ext cx="13877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ET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551EFBC-09B3-15F9-0E53-5557F819B1DC}"/>
              </a:ext>
            </a:extLst>
          </p:cNvPr>
          <p:cNvSpPr txBox="1"/>
          <p:nvPr/>
        </p:nvSpPr>
        <p:spPr>
          <a:xfrm>
            <a:off x="4462668" y="4158522"/>
            <a:ext cx="17194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PTW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16F45B5-236D-02D6-4892-9A3E3F4B1F2B}"/>
              </a:ext>
            </a:extLst>
          </p:cNvPr>
          <p:cNvSpPr txBox="1"/>
          <p:nvPr/>
        </p:nvSpPr>
        <p:spPr>
          <a:xfrm rot="20271290">
            <a:off x="8077842" y="4436698"/>
            <a:ext cx="34930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rivers beam tunnel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4E7F2782-41FF-47B4-B266-10D79010F83A}"/>
              </a:ext>
            </a:extLst>
          </p:cNvPr>
          <p:cNvSpPr txBox="1"/>
          <p:nvPr/>
        </p:nvSpPr>
        <p:spPr>
          <a:xfrm>
            <a:off x="4333911" y="5575160"/>
            <a:ext cx="11714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RIB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FF7B89D-FE2D-2EBA-B084-CB7EF98C2D00}"/>
              </a:ext>
            </a:extLst>
          </p:cNvPr>
          <p:cNvSpPr txBox="1"/>
          <p:nvPr/>
        </p:nvSpPr>
        <p:spPr>
          <a:xfrm>
            <a:off x="3218547" y="5149638"/>
            <a:ext cx="187923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RIB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93D8C43-FD82-DE76-742B-772213E8210E}"/>
              </a:ext>
            </a:extLst>
          </p:cNvPr>
          <p:cNvSpPr txBox="1"/>
          <p:nvPr/>
        </p:nvSpPr>
        <p:spPr>
          <a:xfrm>
            <a:off x="4009373" y="4546159"/>
            <a:ext cx="11714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STM</a:t>
            </a: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A8D11970-2FA4-6461-1B45-FA129C3819FC}"/>
              </a:ext>
            </a:extLst>
          </p:cNvPr>
          <p:cNvCxnSpPr>
            <a:cxnSpLocks/>
          </p:cNvCxnSpPr>
          <p:nvPr/>
        </p:nvCxnSpPr>
        <p:spPr>
          <a:xfrm flipH="1">
            <a:off x="6036743" y="1515566"/>
            <a:ext cx="2639121" cy="1886043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9" name="TextBox 18">
            <a:extLst>
              <a:ext uri="{FF2B5EF4-FFF2-40B4-BE49-F238E27FC236}">
                <a16:creationId xmlns:a16="http://schemas.microsoft.com/office/drawing/2014/main" id="{25918E72-C2FB-118F-EEF1-A6B3C37C44F8}"/>
              </a:ext>
            </a:extLst>
          </p:cNvPr>
          <p:cNvSpPr txBox="1"/>
          <p:nvPr/>
        </p:nvSpPr>
        <p:spPr>
          <a:xfrm>
            <a:off x="7792587" y="1146234"/>
            <a:ext cx="356121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60326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Hot cell facilities</a:t>
            </a:r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8DDBBE55-7C45-89FD-BF27-BEF8AB3F99D6}"/>
              </a:ext>
            </a:extLst>
          </p:cNvPr>
          <p:cNvCxnSpPr>
            <a:cxnSpLocks/>
          </p:cNvCxnSpPr>
          <p:nvPr/>
        </p:nvCxnSpPr>
        <p:spPr>
          <a:xfrm flipH="1">
            <a:off x="5537938" y="854936"/>
            <a:ext cx="2130124" cy="1304100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" name="TextBox 20">
            <a:extLst>
              <a:ext uri="{FF2B5EF4-FFF2-40B4-BE49-F238E27FC236}">
                <a16:creationId xmlns:a16="http://schemas.microsoft.com/office/drawing/2014/main" id="{1461DCBB-AE69-51D5-FCFD-CD87FFED8B28}"/>
              </a:ext>
            </a:extLst>
          </p:cNvPr>
          <p:cNvSpPr txBox="1"/>
          <p:nvPr/>
        </p:nvSpPr>
        <p:spPr>
          <a:xfrm>
            <a:off x="5669355" y="552461"/>
            <a:ext cx="576398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60326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Remote-controlled crane</a:t>
            </a:r>
          </a:p>
        </p:txBody>
      </p: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F235735B-8BCF-04C9-5E5B-EEF49BC05EAC}"/>
              </a:ext>
            </a:extLst>
          </p:cNvPr>
          <p:cNvCxnSpPr>
            <a:cxnSpLocks/>
          </p:cNvCxnSpPr>
          <p:nvPr/>
        </p:nvCxnSpPr>
        <p:spPr>
          <a:xfrm flipV="1">
            <a:off x="3189735" y="4856166"/>
            <a:ext cx="0" cy="1333267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3" name="TextBox 22">
            <a:extLst>
              <a:ext uri="{FF2B5EF4-FFF2-40B4-BE49-F238E27FC236}">
                <a16:creationId xmlns:a16="http://schemas.microsoft.com/office/drawing/2014/main" id="{D151A90E-E361-8411-B998-E4C884008896}"/>
              </a:ext>
            </a:extLst>
          </p:cNvPr>
          <p:cNvSpPr txBox="1"/>
          <p:nvPr/>
        </p:nvSpPr>
        <p:spPr>
          <a:xfrm>
            <a:off x="2580246" y="6189433"/>
            <a:ext cx="251754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2000 t of steel and concrete</a:t>
            </a:r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DFF26315-5CC6-D029-0BE4-062D3E34C4DE}"/>
              </a:ext>
            </a:extLst>
          </p:cNvPr>
          <p:cNvCxnSpPr>
            <a:cxnSpLocks/>
          </p:cNvCxnSpPr>
          <p:nvPr/>
        </p:nvCxnSpPr>
        <p:spPr>
          <a:xfrm flipH="1" flipV="1">
            <a:off x="4919642" y="5177898"/>
            <a:ext cx="547093" cy="1060528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5" name="TextBox 24">
            <a:extLst>
              <a:ext uri="{FF2B5EF4-FFF2-40B4-BE49-F238E27FC236}">
                <a16:creationId xmlns:a16="http://schemas.microsoft.com/office/drawing/2014/main" id="{4119304F-96CF-B5CD-D01A-3772F78116E7}"/>
              </a:ext>
            </a:extLst>
          </p:cNvPr>
          <p:cNvSpPr txBox="1"/>
          <p:nvPr/>
        </p:nvSpPr>
        <p:spPr>
          <a:xfrm>
            <a:off x="5006848" y="6325969"/>
            <a:ext cx="657879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Modular </a:t>
            </a:r>
            <a:r>
              <a:rPr lang="en-US" sz="1600">
                <a:solidFill>
                  <a:schemeClr val="bg2">
                    <a:lumMod val="25000"/>
                  </a:schemeClr>
                </a:solidFill>
                <a:latin typeface="Arial" panose="020B0604020202020204"/>
                <a:cs typeface="Times New Roman" panose="02020603050405020304" pitchFamily="18" charset="0"/>
              </a:rPr>
              <a:t>RH </a:t>
            </a: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high-power infrastructure 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1A4B07E0-5994-7C99-205C-2F3117DDE96F}"/>
              </a:ext>
            </a:extLst>
          </p:cNvPr>
          <p:cNvSpPr txBox="1"/>
          <p:nvPr/>
        </p:nvSpPr>
        <p:spPr>
          <a:xfrm>
            <a:off x="723757" y="3084518"/>
            <a:ext cx="1752463" cy="107721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Symbiotic medical target in APTW beam dump</a:t>
            </a:r>
          </a:p>
        </p:txBody>
      </p: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394FE811-314E-DEDA-D329-EC4DB208C9C8}"/>
              </a:ext>
            </a:extLst>
          </p:cNvPr>
          <p:cNvCxnSpPr>
            <a:cxnSpLocks/>
            <a:endCxn id="17" idx="1"/>
          </p:cNvCxnSpPr>
          <p:nvPr/>
        </p:nvCxnSpPr>
        <p:spPr>
          <a:xfrm>
            <a:off x="2256910" y="3952777"/>
            <a:ext cx="1752463" cy="778048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5674350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89B77DE-5937-6A05-F1B7-8F9CA80BC82A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RIB path at target elevation (underground)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2F4844D-08C8-800E-D570-F42838CC4E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39</a:t>
            </a:fld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457BD1C-A26F-0BAE-D24C-5D864CBF54D1}"/>
              </a:ext>
            </a:extLst>
          </p:cNvPr>
          <p:cNvSpPr>
            <a:spLocks noGrp="1"/>
          </p:cNvSpPr>
          <p:nvPr>
            <p:ph sz="quarter" idx="26"/>
          </p:nvPr>
        </p:nvSpPr>
        <p:spPr/>
        <p:txBody>
          <a:bodyPr/>
          <a:lstStyle/>
          <a:p>
            <a:endParaRPr lang="en-CA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A0971B2-5870-8281-35E9-12A65FC0805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41566" y="1031244"/>
            <a:ext cx="6319282" cy="5394510"/>
          </a:xfrm>
          <a:prstGeom prst="rect">
            <a:avLst/>
          </a:prstGeom>
        </p:spPr>
      </p:pic>
      <p:sp>
        <p:nvSpPr>
          <p:cNvPr id="9" name="Oval 8">
            <a:extLst>
              <a:ext uri="{FF2B5EF4-FFF2-40B4-BE49-F238E27FC236}">
                <a16:creationId xmlns:a16="http://schemas.microsoft.com/office/drawing/2014/main" id="{CDB53629-CAB3-6D80-E5AD-3BB853A211B2}"/>
              </a:ext>
            </a:extLst>
          </p:cNvPr>
          <p:cNvSpPr/>
          <p:nvPr/>
        </p:nvSpPr>
        <p:spPr>
          <a:xfrm>
            <a:off x="5340882" y="6287280"/>
            <a:ext cx="398039" cy="365125"/>
          </a:xfrm>
          <a:prstGeom prst="ellipse">
            <a:avLst/>
          </a:prstGeom>
          <a:solidFill>
            <a:srgbClr val="FF00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74D60D93-F6A4-9B9D-883F-28EBD9855503}"/>
              </a:ext>
            </a:extLst>
          </p:cNvPr>
          <p:cNvSpPr/>
          <p:nvPr/>
        </p:nvSpPr>
        <p:spPr>
          <a:xfrm>
            <a:off x="7118882" y="6287279"/>
            <a:ext cx="398039" cy="365125"/>
          </a:xfrm>
          <a:prstGeom prst="ellipse">
            <a:avLst/>
          </a:prstGeom>
          <a:solidFill>
            <a:srgbClr val="0070C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8F8286A-90BA-269A-B478-6C7C1F96FE83}"/>
              </a:ext>
            </a:extLst>
          </p:cNvPr>
          <p:cNvSpPr txBox="1"/>
          <p:nvPr/>
        </p:nvSpPr>
        <p:spPr>
          <a:xfrm>
            <a:off x="4552482" y="6311898"/>
            <a:ext cx="96219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/>
              <a:t>APTW</a:t>
            </a:r>
            <a:endParaRPr lang="en-CA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3F90008-A5C7-7F69-4FFB-EAA175C219BD}"/>
              </a:ext>
            </a:extLst>
          </p:cNvPr>
          <p:cNvSpPr txBox="1"/>
          <p:nvPr/>
        </p:nvSpPr>
        <p:spPr>
          <a:xfrm>
            <a:off x="7516921" y="6287279"/>
            <a:ext cx="96219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/>
              <a:t>AETE</a:t>
            </a:r>
            <a:endParaRPr lang="en-CA"/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43358594-1340-5B81-F348-B9A4F52877D8}"/>
              </a:ext>
            </a:extLst>
          </p:cNvPr>
          <p:cNvSpPr/>
          <p:nvPr/>
        </p:nvSpPr>
        <p:spPr>
          <a:xfrm>
            <a:off x="6603835" y="3512647"/>
            <a:ext cx="1826172" cy="504856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8F6BE8B-BFB4-3CB1-476B-D750959DEA3E}"/>
              </a:ext>
            </a:extLst>
          </p:cNvPr>
          <p:cNvSpPr txBox="1"/>
          <p:nvPr/>
        </p:nvSpPr>
        <p:spPr>
          <a:xfrm>
            <a:off x="8479116" y="3580409"/>
            <a:ext cx="1500973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/>
              <a:t>Destinations</a:t>
            </a: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84064288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18">
            <a:extLst>
              <a:ext uri="{FF2B5EF4-FFF2-40B4-BE49-F238E27FC236}">
                <a16:creationId xmlns:a16="http://schemas.microsoft.com/office/drawing/2014/main" id="{D0383687-0E30-FD2B-BF8F-8192E2D29B39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7756"/>
          <a:stretch>
            <a:fillRect/>
          </a:stretch>
        </p:blipFill>
        <p:spPr>
          <a:xfrm>
            <a:off x="0" y="-13303"/>
            <a:ext cx="12341104" cy="6871301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41BFAE96-A6EF-20B3-1BD0-83120EC82E03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prstClr val="black"/>
              <a:srgbClr val="00AAFF">
                <a:tint val="45000"/>
                <a:satMod val="400000"/>
              </a:srgbClr>
            </a:duotone>
          </a:blip>
          <a:stretch>
            <a:fillRect/>
          </a:stretch>
        </p:blipFill>
        <p:spPr>
          <a:xfrm>
            <a:off x="7382633" y="5621565"/>
            <a:ext cx="3106503" cy="690333"/>
          </a:xfrm>
          <a:prstGeom prst="rect">
            <a:avLst/>
          </a:prstGeom>
        </p:spPr>
      </p:pic>
      <p:grpSp>
        <p:nvGrpSpPr>
          <p:cNvPr id="17" name="Group 16">
            <a:extLst>
              <a:ext uri="{FF2B5EF4-FFF2-40B4-BE49-F238E27FC236}">
                <a16:creationId xmlns:a16="http://schemas.microsoft.com/office/drawing/2014/main" id="{850F0C43-49D9-EB15-1772-8B3F67284223}"/>
              </a:ext>
            </a:extLst>
          </p:cNvPr>
          <p:cNvGrpSpPr/>
          <p:nvPr/>
        </p:nvGrpSpPr>
        <p:grpSpPr>
          <a:xfrm>
            <a:off x="-2" y="-13299"/>
            <a:ext cx="6916014" cy="6871299"/>
            <a:chOff x="5289369" y="0"/>
            <a:chExt cx="6916014" cy="6871299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270517AA-0526-931C-BF73-467F8AC23A4B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5289369" y="0"/>
              <a:ext cx="6916014" cy="6871297"/>
              <a:chOff x="6239367" y="439921"/>
              <a:chExt cx="4407683" cy="4379184"/>
            </a:xfrm>
          </p:grpSpPr>
          <p:pic>
            <p:nvPicPr>
              <p:cNvPr id="10" name="Content Placeholder 5" descr="A map of a building&#10;&#10;AI-generated content may be incorrect.">
                <a:extLst>
                  <a:ext uri="{FF2B5EF4-FFF2-40B4-BE49-F238E27FC236}">
                    <a16:creationId xmlns:a16="http://schemas.microsoft.com/office/drawing/2014/main" id="{67FB010F-4465-CF9C-10B7-497ED5C9CEA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/>
              <a:srcRect l="8237" t="5192" r="10663" b="32037"/>
              <a:stretch>
                <a:fillRect/>
              </a:stretch>
            </p:blipFill>
            <p:spPr>
              <a:xfrm>
                <a:off x="6239367" y="439921"/>
                <a:ext cx="4407683" cy="4379184"/>
              </a:xfrm>
              <a:prstGeom prst="rect">
                <a:avLst/>
              </a:prstGeom>
            </p:spPr>
          </p:pic>
          <p:sp>
            <p:nvSpPr>
              <p:cNvPr id="8" name="Rectangle 7">
                <a:extLst>
                  <a:ext uri="{FF2B5EF4-FFF2-40B4-BE49-F238E27FC236}">
                    <a16:creationId xmlns:a16="http://schemas.microsoft.com/office/drawing/2014/main" id="{BA4D0867-1409-322F-AE7F-968ACAEF4BA1}"/>
                  </a:ext>
                </a:extLst>
              </p:cNvPr>
              <p:cNvSpPr/>
              <p:nvPr/>
            </p:nvSpPr>
            <p:spPr>
              <a:xfrm>
                <a:off x="6279898" y="2709640"/>
                <a:ext cx="704088" cy="1425695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  <p:sp>
            <p:nvSpPr>
              <p:cNvPr id="9" name="Rectangle 8">
                <a:extLst>
                  <a:ext uri="{FF2B5EF4-FFF2-40B4-BE49-F238E27FC236}">
                    <a16:creationId xmlns:a16="http://schemas.microsoft.com/office/drawing/2014/main" id="{DA0C15A9-8BB1-18EC-A7C7-3A69144CF10F}"/>
                  </a:ext>
                </a:extLst>
              </p:cNvPr>
              <p:cNvSpPr/>
              <p:nvPr/>
            </p:nvSpPr>
            <p:spPr>
              <a:xfrm>
                <a:off x="6279898" y="3971807"/>
                <a:ext cx="3011640" cy="822132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/>
              </a:p>
            </p:txBody>
          </p:sp>
        </p:grpSp>
        <p:pic>
          <p:nvPicPr>
            <p:cNvPr id="7" name="Content Placeholder 5" descr="A map of a building&#10;&#10;AI-generated content may be incorrect.">
              <a:extLst>
                <a:ext uri="{FF2B5EF4-FFF2-40B4-BE49-F238E27FC236}">
                  <a16:creationId xmlns:a16="http://schemas.microsoft.com/office/drawing/2014/main" id="{8FEC88DC-5B08-6327-28AE-EDFF2597197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 l="61443" t="72784" r="20153" b="8200"/>
            <a:stretch>
              <a:fillRect/>
            </a:stretch>
          </p:blipFill>
          <p:spPr>
            <a:xfrm>
              <a:off x="5473348" y="5334000"/>
              <a:ext cx="1159044" cy="1537299"/>
            </a:xfrm>
            <a:prstGeom prst="rect">
              <a:avLst/>
            </a:prstGeom>
          </p:spPr>
        </p:pic>
        <p:pic>
          <p:nvPicPr>
            <p:cNvPr id="14" name="Content Placeholder 5" descr="A map of a building&#10;&#10;AI-generated content may be incorrect.">
              <a:extLst>
                <a:ext uri="{FF2B5EF4-FFF2-40B4-BE49-F238E27FC236}">
                  <a16:creationId xmlns:a16="http://schemas.microsoft.com/office/drawing/2014/main" id="{6A42CC99-0CB7-DB6A-F126-10637FBC6A6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 l="80355" t="73560" r="6021" b="14463"/>
            <a:stretch>
              <a:fillRect/>
            </a:stretch>
          </p:blipFill>
          <p:spPr>
            <a:xfrm>
              <a:off x="6606938" y="5439240"/>
              <a:ext cx="858030" cy="968283"/>
            </a:xfrm>
            <a:prstGeom prst="rect">
              <a:avLst/>
            </a:prstGeom>
          </p:spPr>
        </p:pic>
        <p:pic>
          <p:nvPicPr>
            <p:cNvPr id="15" name="Content Placeholder 5" descr="A map of a building&#10;&#10;AI-generated content may be incorrect.">
              <a:extLst>
                <a:ext uri="{FF2B5EF4-FFF2-40B4-BE49-F238E27FC236}">
                  <a16:creationId xmlns:a16="http://schemas.microsoft.com/office/drawing/2014/main" id="{62AB756E-2713-6432-E407-25D100DB331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 l="80645" t="85248" r="5731" b="2775"/>
            <a:stretch>
              <a:fillRect/>
            </a:stretch>
          </p:blipFill>
          <p:spPr>
            <a:xfrm>
              <a:off x="7568403" y="5440405"/>
              <a:ext cx="858030" cy="968283"/>
            </a:xfrm>
            <a:prstGeom prst="rect">
              <a:avLst/>
            </a:prstGeom>
          </p:spPr>
        </p:pic>
        <p:pic>
          <p:nvPicPr>
            <p:cNvPr id="16" name="Content Placeholder 5" descr="A map of a building&#10;&#10;AI-generated content may be incorrect.">
              <a:extLst>
                <a:ext uri="{FF2B5EF4-FFF2-40B4-BE49-F238E27FC236}">
                  <a16:creationId xmlns:a16="http://schemas.microsoft.com/office/drawing/2014/main" id="{514F8DA8-F9C4-57F9-7960-99D7BE49FFC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 l="40301" t="91841" r="21662" b="3108"/>
            <a:stretch>
              <a:fillRect/>
            </a:stretch>
          </p:blipFill>
          <p:spPr>
            <a:xfrm>
              <a:off x="7289829" y="6200775"/>
              <a:ext cx="3142981" cy="535743"/>
            </a:xfrm>
            <a:prstGeom prst="rect">
              <a:avLst/>
            </a:prstGeom>
          </p:spPr>
        </p:pic>
      </p:grp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C2D05CA-729A-5418-9759-C52E3C8C74C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 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7670BC8-C553-979A-8BC8-F30BF6803A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4</a:t>
            </a:fld>
            <a:endParaRPr lang="en-US"/>
          </a:p>
        </p:txBody>
      </p:sp>
      <p:pic>
        <p:nvPicPr>
          <p:cNvPr id="4" name="Picture 3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96FFADA8-CDB0-0F57-3ECF-7124E9A2F7E7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r="80459"/>
          <a:stretch/>
        </p:blipFill>
        <p:spPr>
          <a:xfrm>
            <a:off x="3168685" y="4133036"/>
            <a:ext cx="550068" cy="508396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5648222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8A41AC1-8A63-B324-F83C-5B291E24852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69AEE92-D9BE-8898-13BD-F8E0DF008FD1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RIB path in CANREB and ISAC-I (ground floor)</a:t>
            </a:r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4286819-A555-F795-2100-288097FD4B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40</a:t>
            </a:fld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93D0822-F893-1514-7BEB-B00F5DA3038F}"/>
              </a:ext>
            </a:extLst>
          </p:cNvPr>
          <p:cNvSpPr>
            <a:spLocks noGrp="1"/>
          </p:cNvSpPr>
          <p:nvPr>
            <p:ph sz="quarter" idx="26"/>
          </p:nvPr>
        </p:nvSpPr>
        <p:spPr/>
        <p:txBody>
          <a:bodyPr/>
          <a:lstStyle/>
          <a:p>
            <a:endParaRPr lang="en-CA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13C0FC-C818-ADEA-E253-E6AFC63C5AC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66409" y="932645"/>
            <a:ext cx="7573432" cy="5753903"/>
          </a:xfrm>
          <a:prstGeom prst="rect">
            <a:avLst/>
          </a:prstGeom>
        </p:spPr>
      </p:pic>
      <p:sp>
        <p:nvSpPr>
          <p:cNvPr id="8" name="Oval 7">
            <a:extLst>
              <a:ext uri="{FF2B5EF4-FFF2-40B4-BE49-F238E27FC236}">
                <a16:creationId xmlns:a16="http://schemas.microsoft.com/office/drawing/2014/main" id="{F5415AD1-D6BF-0569-B15F-47A9B7C09CAE}"/>
              </a:ext>
            </a:extLst>
          </p:cNvPr>
          <p:cNvSpPr/>
          <p:nvPr/>
        </p:nvSpPr>
        <p:spPr>
          <a:xfrm>
            <a:off x="4796785" y="4385058"/>
            <a:ext cx="1627153" cy="504856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299410581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4A148E0-B226-9F97-05A4-BA05AE92EEA9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3188208" y="356072"/>
            <a:ext cx="5815584" cy="606574"/>
          </a:xfrm>
        </p:spPr>
        <p:txBody>
          <a:bodyPr/>
          <a:lstStyle/>
          <a:p>
            <a:pPr algn="ctr"/>
            <a:r>
              <a:rPr lang="en-CA"/>
              <a:t>https://50stories.triumf.ca</a:t>
            </a:r>
          </a:p>
          <a:p>
            <a:pPr algn="ctr"/>
            <a:endParaRPr lang="en-CA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5621F91-6128-C733-4CA4-1EEB4B42CE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890513-E58D-2644-ACDB-E89B1349FCEB}" type="slidenum">
              <a:rPr lang="en-US" smtClean="0"/>
              <a:pPr/>
              <a:t>41</a:t>
            </a:fld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B52EE52-56ED-4B79-940A-2F390FD54FF8}"/>
              </a:ext>
            </a:extLst>
          </p:cNvPr>
          <p:cNvSpPr>
            <a:spLocks noGrp="1"/>
          </p:cNvSpPr>
          <p:nvPr>
            <p:ph sz="quarter" idx="26"/>
          </p:nvPr>
        </p:nvSpPr>
        <p:spPr/>
        <p:txBody>
          <a:bodyPr/>
          <a:lstStyle/>
          <a:p>
            <a:endParaRPr lang="en-CA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803775B-D3B9-E232-A077-D6FF9C652F1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215683"/>
            <a:ext cx="12192000" cy="44266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45359594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3BB14177-11D9-4F75-8C0A-2C1FDDCD19C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7103" y="677334"/>
            <a:ext cx="10837794" cy="5669433"/>
          </a:xfrm>
          <a:prstGeom prst="rect">
            <a:avLst/>
          </a:prstGeo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495530EC-5F3B-504D-9F4B-ED67B67270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400"/>
              <a:t>Proven M</a:t>
            </a:r>
            <a:r>
              <a:rPr lang="en-US" sz="2400" b="0"/>
              <a:t>odular Design Paradigm for Target Station </a:t>
            </a:r>
          </a:p>
        </p:txBody>
      </p:sp>
    </p:spTree>
    <p:extLst>
      <p:ext uri="{BB962C8B-B14F-4D97-AF65-F5344CB8AC3E}">
        <p14:creationId xmlns:p14="http://schemas.microsoft.com/office/powerpoint/2010/main" val="37369676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0" name="Group 79">
            <a:extLst>
              <a:ext uri="{FF2B5EF4-FFF2-40B4-BE49-F238E27FC236}">
                <a16:creationId xmlns:a16="http://schemas.microsoft.com/office/drawing/2014/main" id="{C078EADB-807C-7E7E-40F7-7FE5E27C2011}"/>
              </a:ext>
            </a:extLst>
          </p:cNvPr>
          <p:cNvGrpSpPr/>
          <p:nvPr/>
        </p:nvGrpSpPr>
        <p:grpSpPr>
          <a:xfrm>
            <a:off x="9909989" y="1191624"/>
            <a:ext cx="2064687" cy="2467528"/>
            <a:chOff x="9220010" y="1211378"/>
            <a:chExt cx="2064687" cy="2467528"/>
          </a:xfrm>
        </p:grpSpPr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91D8C8E5-62DE-AD11-EE55-81B449BCA445}"/>
                </a:ext>
              </a:extLst>
            </p:cNvPr>
            <p:cNvSpPr/>
            <p:nvPr/>
          </p:nvSpPr>
          <p:spPr>
            <a:xfrm>
              <a:off x="9220010" y="1211378"/>
              <a:ext cx="2064687" cy="2467528"/>
            </a:xfrm>
            <a:prstGeom prst="roundRect">
              <a:avLst>
                <a:gd name="adj" fmla="val 6373"/>
              </a:avLst>
            </a:prstGeom>
            <a:noFill/>
            <a:ln>
              <a:solidFill>
                <a:srgbClr val="00206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/>
              <a:endParaRPr lang="en-CA" sz="1588">
                <a:solidFill>
                  <a:srgbClr val="002060"/>
                </a:solidFill>
              </a:endParaRPr>
            </a:p>
          </p:txBody>
        </p:sp>
        <p:pic>
          <p:nvPicPr>
            <p:cNvPr id="30" name="Picture 29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930FF7A0-8D28-276F-EEA3-55397F9C9C0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1734457"/>
              <a:ext cx="365763" cy="338054"/>
            </a:xfrm>
            <a:prstGeom prst="rect">
              <a:avLst/>
            </a:prstGeom>
          </p:spPr>
        </p:pic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0C9DD87E-795E-FAB4-B4ED-015EFC17C640}"/>
                </a:ext>
              </a:extLst>
            </p:cNvPr>
            <p:cNvSpPr txBox="1"/>
            <p:nvPr/>
          </p:nvSpPr>
          <p:spPr>
            <a:xfrm>
              <a:off x="9833705" y="1712197"/>
              <a:ext cx="945030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13</a:t>
              </a:r>
            </a:p>
          </p:txBody>
        </p:sp>
        <p:pic>
          <p:nvPicPr>
            <p:cNvPr id="32" name="Picture 31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B9213F69-E0DC-C1E7-3CFE-16A5C9CC213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2184119"/>
              <a:ext cx="365763" cy="338054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C9514F8D-2DCB-B1F6-D395-FE0410ACF11C}"/>
                </a:ext>
              </a:extLst>
            </p:cNvPr>
            <p:cNvSpPr txBox="1"/>
            <p:nvPr/>
          </p:nvSpPr>
          <p:spPr>
            <a:xfrm>
              <a:off x="9830721" y="2178723"/>
              <a:ext cx="1097611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1</a:t>
              </a:r>
            </a:p>
          </p:txBody>
        </p:sp>
        <p:pic>
          <p:nvPicPr>
            <p:cNvPr id="34" name="Picture 33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8421754B-77AC-2EAF-A42B-FDF77627968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21186" y="2659343"/>
              <a:ext cx="365763" cy="338054"/>
            </a:xfrm>
            <a:prstGeom prst="rect">
              <a:avLst/>
            </a:prstGeom>
          </p:spPr>
        </p:pic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04FC61E2-CD68-AD05-3457-05C668BE14AF}"/>
                </a:ext>
              </a:extLst>
            </p:cNvPr>
            <p:cNvSpPr txBox="1"/>
            <p:nvPr/>
          </p:nvSpPr>
          <p:spPr>
            <a:xfrm>
              <a:off x="9833706" y="2653947"/>
              <a:ext cx="1201097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30-2</a:t>
              </a:r>
            </a:p>
          </p:txBody>
        </p:sp>
        <p:pic>
          <p:nvPicPr>
            <p:cNvPr id="83" name="Picture 82" descr="A blue and white logo&#10;&#10;Description automatically generated with low confidence">
              <a:extLst>
                <a:ext uri="{FF2B5EF4-FFF2-40B4-BE49-F238E27FC236}">
                  <a16:creationId xmlns:a16="http://schemas.microsoft.com/office/drawing/2014/main" id="{E6C120C4-1651-D993-7367-A340EF49D20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80459"/>
            <a:stretch/>
          </p:blipFill>
          <p:spPr>
            <a:xfrm>
              <a:off x="9518202" y="3183738"/>
              <a:ext cx="365763" cy="338054"/>
            </a:xfrm>
            <a:prstGeom prst="rect">
              <a:avLst/>
            </a:prstGeom>
          </p:spPr>
        </p:pic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303833BF-B5DE-C799-2755-60DCB7EC5304}"/>
                </a:ext>
              </a:extLst>
            </p:cNvPr>
            <p:cNvSpPr txBox="1"/>
            <p:nvPr/>
          </p:nvSpPr>
          <p:spPr>
            <a:xfrm>
              <a:off x="9848453" y="3176436"/>
              <a:ext cx="875318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TR: 24</a:t>
              </a:r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EC7F8E08-750B-7A10-3570-075DBF93208C}"/>
                </a:ext>
              </a:extLst>
            </p:cNvPr>
            <p:cNvSpPr txBox="1"/>
            <p:nvPr/>
          </p:nvSpPr>
          <p:spPr>
            <a:xfrm>
              <a:off x="9389675" y="1292634"/>
              <a:ext cx="1768713" cy="3366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588"/>
                <a:t>Medical isotopes</a:t>
              </a:r>
              <a:endParaRPr lang="en-CA" sz="1588"/>
            </a:p>
          </p:txBody>
        </p:sp>
      </p:grp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6797E00-7C1B-168D-1690-1D9EBFB4ABE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 dirty="0"/>
              <a:t>TRIUMF accelerators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B6152B2-0A90-BBCA-61A6-AD10F256D9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50025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5</a:t>
            </a:fld>
            <a:endParaRPr lang="en-US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EAFA56A0-5ED8-8BD0-2D0C-2F4A45AD5888}"/>
              </a:ext>
            </a:extLst>
          </p:cNvPr>
          <p:cNvSpPr/>
          <p:nvPr/>
        </p:nvSpPr>
        <p:spPr>
          <a:xfrm>
            <a:off x="7670633" y="5438652"/>
            <a:ext cx="1890405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Muons for </a:t>
            </a:r>
          </a:p>
          <a:p>
            <a:pPr algn="ctr"/>
            <a:r>
              <a:rPr lang="en-US" sz="1411">
                <a:solidFill>
                  <a:srgbClr val="002060"/>
                </a:solidFill>
              </a:rPr>
              <a:t>material science</a:t>
            </a:r>
          </a:p>
        </p:txBody>
      </p: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A2ABE0BD-377F-F6C9-0427-3243810249C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17E5793E-AD53-B45D-A25E-A55EC8AF02A6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6431EC47-D868-511E-CCD8-4540CDD9AF6E}"/>
              </a:ext>
            </a:extLst>
          </p:cNvPr>
          <p:cNvCxnSpPr>
            <a:cxnSpLocks/>
          </p:cNvCxnSpPr>
          <p:nvPr/>
        </p:nvCxnSpPr>
        <p:spPr>
          <a:xfrm>
            <a:off x="4038692" y="5964743"/>
            <a:ext cx="7955254" cy="5194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CDA3A0E-B74D-4DDE-06C7-D0BA78CDDB1E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55B24B03-2513-B032-9849-53162FEF8F1B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F80530F3-41A3-17AD-DD85-285B60A59693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757147D-F0DA-90FE-C580-78CCAC59BDC2}"/>
              </a:ext>
            </a:extLst>
          </p:cNvPr>
          <p:cNvCxnSpPr>
            <a:cxnSpLocks/>
          </p:cNvCxnSpPr>
          <p:nvPr/>
        </p:nvCxnSpPr>
        <p:spPr>
          <a:xfrm flipV="1">
            <a:off x="5246714" y="4040152"/>
            <a:ext cx="759729" cy="123844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2FE7F4F-A502-2B4E-AE8B-1B09C2E75798}"/>
              </a:ext>
            </a:extLst>
          </p:cNvPr>
          <p:cNvCxnSpPr>
            <a:cxnSpLocks/>
          </p:cNvCxnSpPr>
          <p:nvPr/>
        </p:nvCxnSpPr>
        <p:spPr>
          <a:xfrm>
            <a:off x="4557725" y="5273773"/>
            <a:ext cx="688530" cy="0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63ACA56F-2527-2273-4F55-6EF023396593}"/>
              </a:ext>
            </a:extLst>
          </p:cNvPr>
          <p:cNvSpPr/>
          <p:nvPr/>
        </p:nvSpPr>
        <p:spPr>
          <a:xfrm>
            <a:off x="5948950" y="3537291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PIF</a:t>
            </a:r>
            <a:endParaRPr lang="en-CA" sz="1588"/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AE8AD0A2-B3EA-374A-02DE-24049962A4DD}"/>
              </a:ext>
            </a:extLst>
          </p:cNvPr>
          <p:cNvSpPr/>
          <p:nvPr/>
        </p:nvSpPr>
        <p:spPr>
          <a:xfrm>
            <a:off x="6334190" y="4786633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STF</a:t>
            </a:r>
            <a:endParaRPr lang="en-CA" sz="1588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345D6703-1EEA-41D3-ED11-2DE196725382}"/>
              </a:ext>
            </a:extLst>
          </p:cNvPr>
          <p:cNvSpPr/>
          <p:nvPr/>
        </p:nvSpPr>
        <p:spPr>
          <a:xfrm>
            <a:off x="7812377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1</a:t>
            </a:r>
            <a:endParaRPr lang="en-CA" sz="1588"/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E7612D79-D5F3-893A-E53C-CE2F8637AB95}"/>
              </a:ext>
            </a:extLst>
          </p:cNvPr>
          <p:cNvSpPr/>
          <p:nvPr/>
        </p:nvSpPr>
        <p:spPr>
          <a:xfrm>
            <a:off x="8701750" y="5527752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T2</a:t>
            </a:r>
            <a:endParaRPr lang="en-CA" sz="1588"/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3FBDB7C2-576E-6D5C-7AE7-7F0FB4BCA86B}"/>
              </a:ext>
            </a:extLst>
          </p:cNvPr>
          <p:cNvSpPr/>
          <p:nvPr/>
        </p:nvSpPr>
        <p:spPr>
          <a:xfrm>
            <a:off x="5905765" y="4718622"/>
            <a:ext cx="1576063" cy="1100901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 baseline="30000"/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82</a:t>
            </a:r>
            <a:r>
              <a:rPr lang="en-US" sz="1411">
                <a:solidFill>
                  <a:srgbClr val="002060"/>
                </a:solidFill>
              </a:rPr>
              <a:t>Sr medical production</a:t>
            </a:r>
            <a:endParaRPr lang="en-CA" sz="1411">
              <a:solidFill>
                <a:srgbClr val="002060"/>
              </a:solidFill>
            </a:endParaRP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B0A80DF7-71EC-9AE7-C82F-DC8BDBEE3B29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B026E94D-2282-0C42-7428-7C9887279BAE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B66457BF-3481-C5C1-9E7F-B454988D6463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11E8C86D-8826-820B-62BF-8929246D7B25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9B28320-9FCD-2752-CD9F-68D0467424A4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: Rounded Corners 24">
            <a:extLst>
              <a:ext uri="{FF2B5EF4-FFF2-40B4-BE49-F238E27FC236}">
                <a16:creationId xmlns:a16="http://schemas.microsoft.com/office/drawing/2014/main" id="{041B302A-6D6C-191E-EDDA-5DC077324494}"/>
              </a:ext>
            </a:extLst>
          </p:cNvPr>
          <p:cNvSpPr/>
          <p:nvPr/>
        </p:nvSpPr>
        <p:spPr>
          <a:xfrm>
            <a:off x="5819454" y="3305187"/>
            <a:ext cx="3341775" cy="105446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r>
              <a:rPr lang="en-US" sz="1411">
                <a:solidFill>
                  <a:srgbClr val="002060"/>
                </a:solidFill>
              </a:rPr>
              <a:t>120 MeV – 10 </a:t>
            </a:r>
            <a:r>
              <a:rPr lang="en-US" sz="1411" err="1">
                <a:solidFill>
                  <a:srgbClr val="002060"/>
                </a:solidFill>
              </a:rPr>
              <a:t>nA</a:t>
            </a:r>
            <a:endParaRPr lang="en-US" sz="1411">
              <a:solidFill>
                <a:srgbClr val="002060"/>
              </a:solidFill>
            </a:endParaRPr>
          </a:p>
          <a:p>
            <a:pPr algn="r"/>
            <a:r>
              <a:rPr lang="en-US" sz="1411">
                <a:solidFill>
                  <a:srgbClr val="002060"/>
                </a:solidFill>
              </a:rPr>
              <a:t>Electronics irradiations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Proton FLASH</a:t>
            </a:r>
          </a:p>
          <a:p>
            <a:pPr algn="r"/>
            <a:r>
              <a:rPr lang="en-US" sz="1411">
                <a:solidFill>
                  <a:srgbClr val="002060"/>
                </a:solidFill>
              </a:rPr>
              <a:t>Ocular melanoma treatments (-2019)</a:t>
            </a:r>
          </a:p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61228EFA-6B4F-E4C3-A122-3A73D6ADFA28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13C95BBD-26CA-0E3D-4A04-7E4EAE37D01A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00F85BE6-2296-E020-BCB6-3BE36BC94320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88F295B6-FFBE-78A6-1670-C83F28EAB329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5E664F4D-2EED-3E02-075E-ED32032935CB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B6980056-EB17-C016-C5B0-AE900DA8B5E6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5C1B79DA-757E-DEC7-F505-0F960BC6A93E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475451D7-EB0F-2AA2-54FE-0CC24B7FCBB4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ARIEL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100" dirty="0">
              <a:solidFill>
                <a:srgbClr val="002060"/>
              </a:solidFill>
            </a:endParaRPr>
          </a:p>
        </p:txBody>
      </p:sp>
      <p:sp>
        <p:nvSpPr>
          <p:cNvPr id="45" name="Rectangle: Rounded Corners 44">
            <a:extLst>
              <a:ext uri="{FF2B5EF4-FFF2-40B4-BE49-F238E27FC236}">
                <a16:creationId xmlns:a16="http://schemas.microsoft.com/office/drawing/2014/main" id="{999D3FD6-015A-4C41-B402-AAA3FA93D8E5}"/>
              </a:ext>
            </a:extLst>
          </p:cNvPr>
          <p:cNvSpPr/>
          <p:nvPr/>
        </p:nvSpPr>
        <p:spPr>
          <a:xfrm>
            <a:off x="9797341" y="5437284"/>
            <a:ext cx="1361047" cy="1178839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 baseline="30000">
                <a:solidFill>
                  <a:srgbClr val="002060"/>
                </a:solidFill>
              </a:rPr>
              <a:t>225</a:t>
            </a:r>
            <a:r>
              <a:rPr lang="en-US" sz="1411">
                <a:solidFill>
                  <a:srgbClr val="002060"/>
                </a:solidFill>
              </a:rPr>
              <a:t>Ac </a:t>
            </a:r>
            <a:r>
              <a:rPr lang="en-US" sz="1411" i="1">
                <a:solidFill>
                  <a:srgbClr val="002060"/>
                </a:solidFill>
              </a:rPr>
              <a:t>et al</a:t>
            </a:r>
            <a:r>
              <a:rPr lang="en-US" sz="1411">
                <a:solidFill>
                  <a:srgbClr val="002060"/>
                </a:solidFill>
              </a:rPr>
              <a:t>. production</a:t>
            </a:r>
          </a:p>
        </p:txBody>
      </p:sp>
      <p:sp>
        <p:nvSpPr>
          <p:cNvPr id="46" name="Rectangle: Rounded Corners 45">
            <a:extLst>
              <a:ext uri="{FF2B5EF4-FFF2-40B4-BE49-F238E27FC236}">
                <a16:creationId xmlns:a16="http://schemas.microsoft.com/office/drawing/2014/main" id="{AC17BB31-BDB6-1D34-B29E-4F2304F4F82C}"/>
              </a:ext>
            </a:extLst>
          </p:cNvPr>
          <p:cNvSpPr/>
          <p:nvPr/>
        </p:nvSpPr>
        <p:spPr>
          <a:xfrm>
            <a:off x="9998829" y="5524637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PF</a:t>
            </a:r>
            <a:endParaRPr lang="en-CA" sz="1588"/>
          </a:p>
        </p:txBody>
      </p:sp>
      <p:sp>
        <p:nvSpPr>
          <p:cNvPr id="47" name="Rectangle: Rounded Corners 46">
            <a:extLst>
              <a:ext uri="{FF2B5EF4-FFF2-40B4-BE49-F238E27FC236}">
                <a16:creationId xmlns:a16="http://schemas.microsoft.com/office/drawing/2014/main" id="{8AA4100D-C11B-D793-BC12-9B9D57B9BAF2}"/>
              </a:ext>
            </a:extLst>
          </p:cNvPr>
          <p:cNvSpPr/>
          <p:nvPr/>
        </p:nvSpPr>
        <p:spPr>
          <a:xfrm>
            <a:off x="10728829" y="4189468"/>
            <a:ext cx="1265117" cy="1054468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588" baseline="30000"/>
          </a:p>
          <a:p>
            <a:pPr algn="ctr"/>
            <a:endParaRPr lang="en-US" sz="1588">
              <a:solidFill>
                <a:srgbClr val="002060"/>
              </a:solidFill>
            </a:endParaRPr>
          </a:p>
          <a:p>
            <a:pPr algn="ctr"/>
            <a:r>
              <a:rPr lang="en-US" sz="1411">
                <a:solidFill>
                  <a:srgbClr val="002060"/>
                </a:solidFill>
              </a:rPr>
              <a:t>Neutron Irradiations</a:t>
            </a:r>
          </a:p>
        </p:txBody>
      </p:sp>
      <p:sp>
        <p:nvSpPr>
          <p:cNvPr id="48" name="Rectangle: Rounded Corners 47">
            <a:extLst>
              <a:ext uri="{FF2B5EF4-FFF2-40B4-BE49-F238E27FC236}">
                <a16:creationId xmlns:a16="http://schemas.microsoft.com/office/drawing/2014/main" id="{406E78D1-24CB-940F-F751-5C072FB4DDA9}"/>
              </a:ext>
            </a:extLst>
          </p:cNvPr>
          <p:cNvSpPr/>
          <p:nvPr/>
        </p:nvSpPr>
        <p:spPr>
          <a:xfrm>
            <a:off x="10973794" y="4228905"/>
            <a:ext cx="779906" cy="500552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NIF</a:t>
            </a:r>
            <a:endParaRPr lang="en-CA" sz="1588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B85A7BCA-C082-F59C-AF69-F62BA884BFE6}"/>
              </a:ext>
            </a:extLst>
          </p:cNvPr>
          <p:cNvSpPr/>
          <p:nvPr/>
        </p:nvSpPr>
        <p:spPr>
          <a:xfrm>
            <a:off x="11324857" y="5865229"/>
            <a:ext cx="343400" cy="209417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3400B4CE-4970-725F-57A6-C94AA4F1C9F1}"/>
              </a:ext>
            </a:extLst>
          </p:cNvPr>
          <p:cNvCxnSpPr>
            <a:cxnSpLocks/>
            <a:endCxn id="49" idx="0"/>
          </p:cNvCxnSpPr>
          <p:nvPr/>
        </p:nvCxnSpPr>
        <p:spPr>
          <a:xfrm>
            <a:off x="11490325" y="5243936"/>
            <a:ext cx="6232" cy="621293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19F4B60F-271A-C98A-21C0-F4197D2F0FB0}"/>
              </a:ext>
            </a:extLst>
          </p:cNvPr>
          <p:cNvCxnSpPr>
            <a:cxnSpLocks/>
          </p:cNvCxnSpPr>
          <p:nvPr/>
        </p:nvCxnSpPr>
        <p:spPr>
          <a:xfrm>
            <a:off x="11553018" y="5243936"/>
            <a:ext cx="0" cy="622174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7EECCA11-55C5-3D38-F862-BB29569A74A1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 dirty="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 dirty="0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 dirty="0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 dirty="0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 dirty="0">
                <a:solidFill>
                  <a:srgbClr val="002060"/>
                </a:solidFill>
              </a:rPr>
              <a:t>Material science</a:t>
            </a:r>
          </a:p>
          <a:p>
            <a:endParaRPr lang="en-CA" sz="1588" dirty="0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A2D643CD-B8C7-F7BC-DDAA-74242B4FACC8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21B7FB8F-B7FC-92EE-ED8E-B46CBC5AAA57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8BE2C660-F9E2-39B5-5552-49729049A405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F7BA012E-7109-AA50-EE41-B27B22F9BE54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ISAC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588" dirty="0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204B1C1E-7B65-9930-9133-9A4BFE6035E7}"/>
              </a:ext>
            </a:extLst>
          </p:cNvPr>
          <p:cNvSpPr/>
          <p:nvPr/>
        </p:nvSpPr>
        <p:spPr>
          <a:xfrm>
            <a:off x="5436291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F665FB33-76F1-1DB4-8FAA-7D1375B06E4B}"/>
              </a:ext>
            </a:extLst>
          </p:cNvPr>
          <p:cNvSpPr txBox="1"/>
          <p:nvPr/>
        </p:nvSpPr>
        <p:spPr>
          <a:xfrm>
            <a:off x="5607443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B7D63095-8C49-0A3D-D221-500990AD3475}"/>
              </a:ext>
            </a:extLst>
          </p:cNvPr>
          <p:cNvSpPr/>
          <p:nvPr/>
        </p:nvSpPr>
        <p:spPr>
          <a:xfrm>
            <a:off x="5436291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9EBD9B0D-DE7E-7D92-BD1F-8C87C95D22F0}"/>
              </a:ext>
            </a:extLst>
          </p:cNvPr>
          <p:cNvSpPr txBox="1"/>
          <p:nvPr/>
        </p:nvSpPr>
        <p:spPr>
          <a:xfrm>
            <a:off x="5607443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D9681A2-A7B3-571D-017E-9EAA8C7E5329}"/>
              </a:ext>
            </a:extLst>
          </p:cNvPr>
          <p:cNvSpPr txBox="1"/>
          <p:nvPr/>
        </p:nvSpPr>
        <p:spPr>
          <a:xfrm>
            <a:off x="5607443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ARIEL ISOL targets (from 2027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46C74840-3482-7A5B-52A1-E804E1E44936}"/>
              </a:ext>
            </a:extLst>
          </p:cNvPr>
          <p:cNvSpPr/>
          <p:nvPr/>
        </p:nvSpPr>
        <p:spPr>
          <a:xfrm>
            <a:off x="5436291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A0F9F972-3C29-86EA-E305-1C66C0E93EB0}"/>
              </a:ext>
            </a:extLst>
          </p:cNvPr>
          <p:cNvSpPr/>
          <p:nvPr/>
        </p:nvSpPr>
        <p:spPr>
          <a:xfrm>
            <a:off x="8718647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1A8599FC-203D-1484-D6ED-DF9AD6D92B4D}"/>
              </a:ext>
            </a:extLst>
          </p:cNvPr>
          <p:cNvSpPr txBox="1"/>
          <p:nvPr/>
        </p:nvSpPr>
        <p:spPr>
          <a:xfrm>
            <a:off x="8889799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580D5BAF-9461-152D-3454-6CAA7FB9386F}"/>
              </a:ext>
            </a:extLst>
          </p:cNvPr>
          <p:cNvSpPr/>
          <p:nvPr/>
        </p:nvSpPr>
        <p:spPr>
          <a:xfrm>
            <a:off x="8719397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C5928C3B-2662-D473-422D-06F175A8B864}"/>
              </a:ext>
            </a:extLst>
          </p:cNvPr>
          <p:cNvSpPr txBox="1"/>
          <p:nvPr/>
        </p:nvSpPr>
        <p:spPr>
          <a:xfrm>
            <a:off x="8890549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6ECB8D42-44F4-72AB-E229-4112F3D7695C}"/>
              </a:ext>
            </a:extLst>
          </p:cNvPr>
          <p:cNvSpPr/>
          <p:nvPr/>
        </p:nvSpPr>
        <p:spPr>
          <a:xfrm>
            <a:off x="8718644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4FAE052A-557F-B246-2D1A-3F726727F05A}"/>
              </a:ext>
            </a:extLst>
          </p:cNvPr>
          <p:cNvSpPr txBox="1"/>
          <p:nvPr/>
        </p:nvSpPr>
        <p:spPr>
          <a:xfrm>
            <a:off x="8889797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B1A2A59B-462B-56A1-D669-16AD5F7B5EE6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B875A4C4-7B1B-A48C-81B5-E36C4E089D1E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D84EA8DB-39A6-437E-5487-BC6DF841108C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73F316B5-9722-A4FC-8714-2DF40BD8882E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7CD44BB8-DAE2-7F8D-0407-1302DC32435A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Box 75">
            <a:extLst>
              <a:ext uri="{FF2B5EF4-FFF2-40B4-BE49-F238E27FC236}">
                <a16:creationId xmlns:a16="http://schemas.microsoft.com/office/drawing/2014/main" id="{3BA3EFE2-06A6-7D7B-7DC7-B0A5220037F7}"/>
              </a:ext>
            </a:extLst>
          </p:cNvPr>
          <p:cNvSpPr txBox="1"/>
          <p:nvPr/>
        </p:nvSpPr>
        <p:spPr>
          <a:xfrm>
            <a:off x="6791168" y="5969937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1A</a:t>
            </a:r>
            <a:endParaRPr lang="en-CA"/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C696BB3E-6EE8-67F7-7388-CEB9F4ABD669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A2AA52F7-E9AE-95D9-141F-BBECC2D7E2C5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91658C2F-6A20-9EA9-A2AF-DE2A08A77C8D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D956E5A6-CE43-228B-5CBB-D0CB281B8258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62DD6E43-36FE-80F6-DB1F-58D11A9C65BE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A210C5A0-43D4-908D-0253-1D4D84DC0622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E152C713-5EE7-F339-CA60-65BE29932F9F}"/>
              </a:ext>
            </a:extLst>
          </p:cNvPr>
          <p:cNvCxnSpPr>
            <a:cxnSpLocks/>
            <a:endCxn id="18" idx="1"/>
          </p:cNvCxnSpPr>
          <p:nvPr/>
        </p:nvCxnSpPr>
        <p:spPr>
          <a:xfrm flipV="1">
            <a:off x="5244522" y="5269073"/>
            <a:ext cx="661243" cy="1525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TextBox 80">
            <a:extLst>
              <a:ext uri="{FF2B5EF4-FFF2-40B4-BE49-F238E27FC236}">
                <a16:creationId xmlns:a16="http://schemas.microsoft.com/office/drawing/2014/main" id="{2236985B-4307-BA44-8A3D-634807B464EB}"/>
              </a:ext>
            </a:extLst>
          </p:cNvPr>
          <p:cNvSpPr txBox="1"/>
          <p:nvPr/>
        </p:nvSpPr>
        <p:spPr>
          <a:xfrm>
            <a:off x="4660596" y="5240805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C</a:t>
            </a:r>
            <a:endParaRPr lang="en-CA"/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id="{6371DABC-8FE9-6752-6F69-E924BA5D1107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7345041" y="1268593"/>
            <a:ext cx="4712405" cy="2827990"/>
          </a:xfrm>
        </p:spPr>
        <p:txBody>
          <a:bodyPr/>
          <a:lstStyle/>
          <a:p>
            <a:r>
              <a:rPr lang="en-CA" sz="1400" dirty="0"/>
              <a:t>Spectroscopy </a:t>
            </a:r>
            <a:r>
              <a:rPr lang="el-GR" sz="1400" dirty="0">
                <a:latin typeface="+mj-lt"/>
                <a:cs typeface="Times New Roman" panose="02020603050405020304" pitchFamily="18" charset="0"/>
              </a:rPr>
              <a:t>γ</a:t>
            </a:r>
            <a:r>
              <a:rPr lang="en-US" sz="1400" dirty="0">
                <a:latin typeface="+mj-lt"/>
                <a:cs typeface="Times New Roman" panose="02020603050405020304" pitchFamily="18" charset="0"/>
              </a:rPr>
              <a:t>, </a:t>
            </a:r>
            <a:r>
              <a:rPr lang="el-GR" sz="1400" dirty="0">
                <a:latin typeface="+mj-lt"/>
                <a:cs typeface="Times New Roman" panose="02020603050405020304" pitchFamily="18" charset="0"/>
              </a:rPr>
              <a:t>β</a:t>
            </a:r>
            <a:r>
              <a:rPr lang="en-US" sz="1400" dirty="0">
                <a:latin typeface="+mj-lt"/>
                <a:cs typeface="Times New Roman" panose="02020603050405020304" pitchFamily="18" charset="0"/>
              </a:rPr>
              <a:t>, n (GRIFFIN and DESCANT, </a:t>
            </a:r>
            <a:r>
              <a:rPr lang="en-US" sz="1400" dirty="0">
                <a:solidFill>
                  <a:srgbClr val="92D050"/>
                </a:solidFill>
                <a:latin typeface="+mj-lt"/>
                <a:cs typeface="Times New Roman" panose="02020603050405020304" pitchFamily="18" charset="0"/>
              </a:rPr>
              <a:t>LE</a:t>
            </a:r>
            <a:r>
              <a:rPr lang="en-US" sz="1400" dirty="0">
                <a:latin typeface="+mj-lt"/>
                <a:cs typeface="Times New Roman" panose="02020603050405020304" pitchFamily="18" charset="0"/>
              </a:rPr>
              <a:t>)</a:t>
            </a:r>
          </a:p>
          <a:p>
            <a:r>
              <a:rPr lang="en-US" sz="1400" dirty="0">
                <a:latin typeface="+mj-lt"/>
                <a:cs typeface="Times New Roman" panose="02020603050405020304" pitchFamily="18" charset="0"/>
              </a:rPr>
              <a:t>Precision mass measurements (TITAN, </a:t>
            </a:r>
            <a:r>
              <a:rPr lang="en-US" sz="1400" dirty="0">
                <a:solidFill>
                  <a:srgbClr val="92D050"/>
                </a:solidFill>
                <a:latin typeface="+mj-lt"/>
                <a:cs typeface="Times New Roman" panose="02020603050405020304" pitchFamily="18" charset="0"/>
              </a:rPr>
              <a:t>LE</a:t>
            </a:r>
            <a:r>
              <a:rPr lang="en-US" sz="1400" dirty="0">
                <a:latin typeface="+mj-lt"/>
                <a:cs typeface="Times New Roman" panose="02020603050405020304" pitchFamily="18" charset="0"/>
              </a:rPr>
              <a:t>)</a:t>
            </a:r>
          </a:p>
          <a:p>
            <a:r>
              <a:rPr lang="el-GR" sz="1400" dirty="0">
                <a:latin typeface="+mj-lt"/>
                <a:cs typeface="Times New Roman" panose="02020603050405020304" pitchFamily="18" charset="0"/>
              </a:rPr>
              <a:t>β</a:t>
            </a:r>
            <a:r>
              <a:rPr lang="en-US" sz="1400" dirty="0">
                <a:latin typeface="+mj-lt"/>
                <a:cs typeface="Times New Roman" panose="02020603050405020304" pitchFamily="18" charset="0"/>
              </a:rPr>
              <a:t>-NMR (</a:t>
            </a:r>
            <a:r>
              <a:rPr lang="en-US" sz="1400" dirty="0">
                <a:solidFill>
                  <a:srgbClr val="92D050"/>
                </a:solidFill>
                <a:latin typeface="+mj-lt"/>
                <a:cs typeface="Times New Roman" panose="02020603050405020304" pitchFamily="18" charset="0"/>
              </a:rPr>
              <a:t>LE</a:t>
            </a:r>
            <a:r>
              <a:rPr lang="en-US" sz="1400" dirty="0">
                <a:latin typeface="+mj-lt"/>
                <a:cs typeface="Times New Roman" panose="02020603050405020304" pitchFamily="18" charset="0"/>
              </a:rPr>
              <a:t>)</a:t>
            </a:r>
          </a:p>
          <a:p>
            <a:r>
              <a:rPr lang="en-CA" sz="1400" dirty="0">
                <a:latin typeface="+mj-lt"/>
              </a:rPr>
              <a:t>Atomic laser trap (TRINAT, </a:t>
            </a:r>
            <a:r>
              <a:rPr lang="en-CA" sz="1400" dirty="0">
                <a:solidFill>
                  <a:srgbClr val="92D050"/>
                </a:solidFill>
                <a:latin typeface="+mj-lt"/>
              </a:rPr>
              <a:t>LE</a:t>
            </a:r>
            <a:r>
              <a:rPr lang="en-CA" sz="1400" dirty="0">
                <a:latin typeface="+mj-lt"/>
              </a:rPr>
              <a:t>)</a:t>
            </a:r>
            <a:endParaRPr lang="en-CA" sz="1400" dirty="0"/>
          </a:p>
          <a:p>
            <a:r>
              <a:rPr lang="en-CA" sz="1400" dirty="0"/>
              <a:t>Recoil separator (DRAGON, </a:t>
            </a:r>
            <a:r>
              <a:rPr lang="en-CA" sz="1400" dirty="0">
                <a:solidFill>
                  <a:srgbClr val="FFC000"/>
                </a:solidFill>
              </a:rPr>
              <a:t>ME</a:t>
            </a:r>
            <a:r>
              <a:rPr lang="en-CA" sz="1400" dirty="0"/>
              <a:t>)</a:t>
            </a:r>
          </a:p>
          <a:p>
            <a:r>
              <a:rPr lang="en-CA" sz="1400" dirty="0"/>
              <a:t>Recoil detector (TUDA, </a:t>
            </a:r>
            <a:r>
              <a:rPr lang="en-CA" sz="1400" dirty="0">
                <a:solidFill>
                  <a:srgbClr val="FFC000"/>
                </a:solidFill>
              </a:rPr>
              <a:t>ME</a:t>
            </a:r>
            <a:r>
              <a:rPr lang="en-CA" sz="1400" dirty="0"/>
              <a:t>)</a:t>
            </a:r>
          </a:p>
          <a:p>
            <a:r>
              <a:rPr lang="en-CA" sz="1400" dirty="0"/>
              <a:t>Radiochemistry (ASPIRE, </a:t>
            </a:r>
            <a:r>
              <a:rPr lang="en-CA" sz="1400" dirty="0">
                <a:solidFill>
                  <a:srgbClr val="FFC000"/>
                </a:solidFill>
              </a:rPr>
              <a:t>ME</a:t>
            </a:r>
            <a:r>
              <a:rPr lang="en-CA" sz="1400" dirty="0"/>
              <a:t>)</a:t>
            </a:r>
          </a:p>
          <a:p>
            <a:r>
              <a:rPr lang="en-CA" sz="1400" dirty="0"/>
              <a:t>Gamma-ray spectrometer (TIGRESS, </a:t>
            </a:r>
            <a:r>
              <a:rPr lang="en-CA" sz="1400" dirty="0">
                <a:solidFill>
                  <a:srgbClr val="FF0000"/>
                </a:solidFill>
              </a:rPr>
              <a:t>HE</a:t>
            </a:r>
            <a:r>
              <a:rPr lang="en-CA" sz="1400" dirty="0"/>
              <a:t>)</a:t>
            </a:r>
          </a:p>
          <a:p>
            <a:r>
              <a:rPr lang="en-CA" sz="1400" dirty="0"/>
              <a:t>Recoil separator (EMMA, </a:t>
            </a:r>
            <a:r>
              <a:rPr lang="en-CA" sz="1400" dirty="0">
                <a:solidFill>
                  <a:srgbClr val="FF0000"/>
                </a:solidFill>
              </a:rPr>
              <a:t>HE</a:t>
            </a:r>
            <a:r>
              <a:rPr lang="en-CA" sz="1400" dirty="0"/>
              <a:t>)</a:t>
            </a:r>
          </a:p>
          <a:p>
            <a:r>
              <a:rPr lang="en-CA" sz="1400" dirty="0"/>
              <a:t>Recoil detector (IRIS, </a:t>
            </a:r>
            <a:r>
              <a:rPr lang="en-CA" sz="1400" dirty="0">
                <a:solidFill>
                  <a:srgbClr val="FF0000"/>
                </a:solidFill>
              </a:rPr>
              <a:t>HE</a:t>
            </a:r>
            <a:r>
              <a:rPr lang="en-CA" sz="1400" dirty="0"/>
              <a:t>)</a:t>
            </a:r>
          </a:p>
          <a:p>
            <a:endParaRPr lang="en-CA" sz="1400" dirty="0"/>
          </a:p>
        </p:txBody>
      </p: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A8A62B22-B2D7-3421-835A-25D336F206F3}"/>
              </a:ext>
            </a:extLst>
          </p:cNvPr>
          <p:cNvCxnSpPr>
            <a:cxnSpLocks/>
          </p:cNvCxnSpPr>
          <p:nvPr/>
        </p:nvCxnSpPr>
        <p:spPr>
          <a:xfrm flipV="1">
            <a:off x="4545900" y="4211707"/>
            <a:ext cx="0" cy="707451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Rectangle 36">
            <a:extLst>
              <a:ext uri="{FF2B5EF4-FFF2-40B4-BE49-F238E27FC236}">
                <a16:creationId xmlns:a16="http://schemas.microsoft.com/office/drawing/2014/main" id="{549FD297-8F48-8801-9D33-6EC330A25B26}"/>
              </a:ext>
            </a:extLst>
          </p:cNvPr>
          <p:cNvSpPr/>
          <p:nvPr/>
        </p:nvSpPr>
        <p:spPr>
          <a:xfrm>
            <a:off x="54240" y="1"/>
            <a:ext cx="12192000" cy="6857999"/>
          </a:xfrm>
          <a:prstGeom prst="rect">
            <a:avLst/>
          </a:prstGeom>
          <a:solidFill>
            <a:srgbClr val="FFFFFF">
              <a:alpha val="78431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 dirty="0">
              <a:solidFill>
                <a:schemeClr val="tx1"/>
              </a:solidFill>
            </a:endParaRPr>
          </a:p>
          <a:p>
            <a:pPr algn="ctr"/>
            <a:endParaRPr lang="en-US" sz="6000" dirty="0">
              <a:solidFill>
                <a:schemeClr val="tx1"/>
              </a:solidFill>
            </a:endParaRPr>
          </a:p>
          <a:p>
            <a:pPr algn="ctr"/>
            <a:endParaRPr lang="en-US" sz="6000" dirty="0">
              <a:solidFill>
                <a:schemeClr val="tx1"/>
              </a:solidFill>
            </a:endParaRPr>
          </a:p>
          <a:p>
            <a:pPr algn="ctr"/>
            <a:r>
              <a:rPr lang="en-US" sz="6000" dirty="0">
                <a:solidFill>
                  <a:schemeClr val="tx1"/>
                </a:solidFill>
              </a:rPr>
              <a:t>One-year long shutdown to focus on installing the ARIEL facility</a:t>
            </a:r>
          </a:p>
          <a:p>
            <a:pPr algn="ctr"/>
            <a:r>
              <a:rPr lang="en-US" sz="6000" dirty="0">
                <a:solidFill>
                  <a:schemeClr val="tx1"/>
                </a:solidFill>
              </a:rPr>
              <a:t>LS 26</a:t>
            </a:r>
            <a:endParaRPr lang="en-US" sz="1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393971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1" fill="hold">
                      <p:stCondLst>
                        <p:cond delay="indefinite"/>
                      </p:stCondLst>
                      <p:childTnLst>
                        <p:par>
                          <p:cTn id="112" fill="hold">
                            <p:stCondLst>
                              <p:cond delay="0"/>
                            </p:stCondLst>
                            <p:childTnLst>
                              <p:par>
                                <p:cTn id="1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9" fill="hold">
                      <p:stCondLst>
                        <p:cond delay="indefinite"/>
                      </p:stCondLst>
                      <p:childTnLst>
                        <p:par>
                          <p:cTn id="160" fill="hold">
                            <p:stCondLst>
                              <p:cond delay="0"/>
                            </p:stCondLst>
                            <p:childTnLst>
                              <p:par>
                                <p:cTn id="16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14" grpId="0" animBg="1"/>
      <p:bldP spid="15" grpId="0" animBg="1"/>
      <p:bldP spid="16" grpId="0" animBg="1"/>
      <p:bldP spid="17" grpId="0" animBg="1"/>
      <p:bldP spid="18" grpId="0" animBg="1"/>
      <p:bldP spid="20" grpId="0"/>
      <p:bldP spid="22" grpId="0" animBg="1"/>
      <p:bldP spid="25" grpId="0" animBg="1"/>
      <p:bldP spid="26" grpId="0" animBg="1"/>
      <p:bldP spid="27" grpId="0" animBg="1"/>
      <p:bldP spid="39" grpId="0" animBg="1"/>
      <p:bldP spid="44" grpId="0"/>
      <p:bldP spid="45" grpId="0" animBg="1"/>
      <p:bldP spid="46" grpId="0" animBg="1"/>
      <p:bldP spid="47" grpId="0" animBg="1"/>
      <p:bldP spid="48" grpId="0" animBg="1"/>
      <p:bldP spid="49" grpId="0" animBg="1"/>
      <p:bldP spid="52" grpId="0" animBg="1"/>
      <p:bldP spid="53" grpId="0" animBg="1"/>
      <p:bldP spid="54" grpId="0" animBg="1"/>
      <p:bldP spid="55" grpId="0" animBg="1"/>
      <p:bldP spid="56" grpId="0"/>
      <p:bldP spid="62" grpId="0"/>
      <p:bldP spid="63" grpId="0" animBg="1"/>
      <p:bldP spid="66" grpId="0" animBg="1"/>
      <p:bldP spid="67" grpId="0"/>
      <p:bldP spid="70" grpId="0" animBg="1"/>
      <p:bldP spid="76" grpId="0"/>
      <p:bldP spid="77" grpId="0"/>
      <p:bldP spid="100" grpId="0" animBg="1"/>
      <p:bldP spid="36" grpId="0" uiExpand="1" build="p"/>
      <p:bldP spid="36" grpId="1" build="p"/>
      <p:bldP spid="37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64B86B8-0254-FBA8-4EBF-60E38DBB697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FC723F8-8B4A-C724-2659-58D085EDC239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212986" y="205595"/>
            <a:ext cx="11047152" cy="606574"/>
          </a:xfrm>
        </p:spPr>
        <p:txBody>
          <a:bodyPr/>
          <a:lstStyle/>
          <a:p>
            <a:r>
              <a:rPr lang="en-US" dirty="0"/>
              <a:t>ARIEL ultimate objectives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E8F5DE9-9F9E-56D5-6573-CDB4B104B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50025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6</a:t>
            </a:fld>
            <a:endParaRPr lang="en-US"/>
          </a:p>
        </p:txBody>
      </p: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070FC4D2-8FF6-E2DC-A06D-6E12F966076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D9C7734C-60F7-6125-4B43-0A89036E491A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12AC87E-CC3D-BBF5-ED6F-57F4AFCA0147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67AE7D23-45BA-580C-BE05-3F6891EE7AC7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283C84DC-252F-32E9-F541-54B60E0481CA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A0A14E5E-7A9D-2B84-C4B4-19CAA6295313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DF2CF498-207A-A856-914F-195C526C2CD5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B968C209-D5F8-4A44-D31F-B416D7DA563B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8DA9B815-16B4-0D56-FD46-80C7052FFB41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E6942754-6772-4A77-95CC-DBB06AA8CEEF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C6182952-7FB5-F5AF-F855-F1E6BA4D8D5A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246C9052-8219-183F-6033-9AF0FE2927CF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592E48CD-B59B-702A-EBAA-9E61590FA6BD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92923708-AF7D-5649-72BD-80B864E7CA57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FF6DDDF4-CEBD-C5E3-2FFF-C54D981EB606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1B3B7150-2F03-E50F-D0B6-272566798C8B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3FDCF167-4ECC-D269-DD38-0AAD1B7ED2A5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97F7209D-B931-4075-C8B0-E185667CC10D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2EA500EF-7FB5-E596-09BF-A36C62A0EAE6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ARIEL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100" dirty="0">
              <a:solidFill>
                <a:srgbClr val="002060"/>
              </a:solidFill>
            </a:endParaRPr>
          </a:p>
        </p:txBody>
      </p: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CD3F7447-26CB-7E96-2FC3-889B23C8BAE2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87717814-E30E-A579-B650-25C0EF0DA040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45BEC097-A8FC-7F81-BDDF-C114ACC44E3D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4F91E904-2A5B-9A85-E562-627663BFBD77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838DB369-CB6B-3D01-C785-78F06A97CE02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ISAC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588" dirty="0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8B3FC6F0-A543-822F-0206-77B5E5C33EFE}"/>
              </a:ext>
            </a:extLst>
          </p:cNvPr>
          <p:cNvSpPr/>
          <p:nvPr/>
        </p:nvSpPr>
        <p:spPr>
          <a:xfrm>
            <a:off x="5436291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330F6C01-5686-88B0-489E-E6EBFEF1BC3E}"/>
              </a:ext>
            </a:extLst>
          </p:cNvPr>
          <p:cNvSpPr txBox="1"/>
          <p:nvPr/>
        </p:nvSpPr>
        <p:spPr>
          <a:xfrm>
            <a:off x="5607443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58E0EDD3-6B55-BDB8-F913-A084B36B3DE7}"/>
              </a:ext>
            </a:extLst>
          </p:cNvPr>
          <p:cNvSpPr/>
          <p:nvPr/>
        </p:nvSpPr>
        <p:spPr>
          <a:xfrm>
            <a:off x="5436291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9B720E61-05F2-4B3C-5C15-F629703F1A65}"/>
              </a:ext>
            </a:extLst>
          </p:cNvPr>
          <p:cNvSpPr txBox="1"/>
          <p:nvPr/>
        </p:nvSpPr>
        <p:spPr>
          <a:xfrm>
            <a:off x="5607443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6366FEEB-1931-2277-584A-603D1E167E72}"/>
              </a:ext>
            </a:extLst>
          </p:cNvPr>
          <p:cNvSpPr txBox="1"/>
          <p:nvPr/>
        </p:nvSpPr>
        <p:spPr>
          <a:xfrm>
            <a:off x="5607443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 dirty="0"/>
              <a:t>ARIEL ISOL targets (from 2027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F3225B59-9AB9-A4A0-611E-2DACA5993A28}"/>
              </a:ext>
            </a:extLst>
          </p:cNvPr>
          <p:cNvSpPr/>
          <p:nvPr/>
        </p:nvSpPr>
        <p:spPr>
          <a:xfrm>
            <a:off x="5436291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DCF0A54A-C82D-2E98-95A9-D7A484BCA4AC}"/>
              </a:ext>
            </a:extLst>
          </p:cNvPr>
          <p:cNvSpPr/>
          <p:nvPr/>
        </p:nvSpPr>
        <p:spPr>
          <a:xfrm>
            <a:off x="8718647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07889B7E-941B-4ABA-8116-3823E725146A}"/>
              </a:ext>
            </a:extLst>
          </p:cNvPr>
          <p:cNvSpPr txBox="1"/>
          <p:nvPr/>
        </p:nvSpPr>
        <p:spPr>
          <a:xfrm>
            <a:off x="8889799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9BC29338-C79F-4162-BD01-D44A48A9AEC2}"/>
              </a:ext>
            </a:extLst>
          </p:cNvPr>
          <p:cNvSpPr/>
          <p:nvPr/>
        </p:nvSpPr>
        <p:spPr>
          <a:xfrm>
            <a:off x="8719397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7A971150-7D60-6F0D-9AA0-EA68D054293E}"/>
              </a:ext>
            </a:extLst>
          </p:cNvPr>
          <p:cNvSpPr txBox="1"/>
          <p:nvPr/>
        </p:nvSpPr>
        <p:spPr>
          <a:xfrm>
            <a:off x="8890549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84BCC5F5-2A32-91C0-CA0D-A31BE762412B}"/>
              </a:ext>
            </a:extLst>
          </p:cNvPr>
          <p:cNvSpPr/>
          <p:nvPr/>
        </p:nvSpPr>
        <p:spPr>
          <a:xfrm>
            <a:off x="8718644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1809A0B1-034C-7A78-ECA8-70A7CC836FF6}"/>
              </a:ext>
            </a:extLst>
          </p:cNvPr>
          <p:cNvSpPr txBox="1"/>
          <p:nvPr/>
        </p:nvSpPr>
        <p:spPr>
          <a:xfrm>
            <a:off x="8889797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50B6DBE2-15ED-F88F-D027-568950B1E6C9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0FE9EAEF-EF36-491C-9166-5FC213CF6EE9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8AA83512-4D97-301B-2632-098730961F25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7A953B5B-33AF-4933-70BB-615DA1AEFD56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1ADE804B-249C-39F3-5B5B-EFD7DEF7619E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>
            <a:extLst>
              <a:ext uri="{FF2B5EF4-FFF2-40B4-BE49-F238E27FC236}">
                <a16:creationId xmlns:a16="http://schemas.microsoft.com/office/drawing/2014/main" id="{A56716E3-48E8-D10A-5A36-1F71D0FB8B77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05B0B126-D64E-06DC-F330-9AD88438546D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6E8C6BF5-8705-7F70-2A05-53E0400F8FA7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89B18952-BF76-D598-90C1-BCE9993B4BFE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D229E9B5-FCEA-2605-F2A5-1422E1C3AA4F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35DE9E54-D441-5979-987B-9D45856471D9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Text Placeholder 2">
            <a:extLst>
              <a:ext uri="{FF2B5EF4-FFF2-40B4-BE49-F238E27FC236}">
                <a16:creationId xmlns:a16="http://schemas.microsoft.com/office/drawing/2014/main" id="{78626D14-5A1D-5748-BFE8-902B4F70D584}"/>
              </a:ext>
            </a:extLst>
          </p:cNvPr>
          <p:cNvSpPr txBox="1">
            <a:spLocks/>
          </p:cNvSpPr>
          <p:nvPr/>
        </p:nvSpPr>
        <p:spPr>
          <a:xfrm>
            <a:off x="6342907" y="3065900"/>
            <a:ext cx="5093779" cy="3450175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600"/>
              </a:spcBef>
            </a:pPr>
            <a:r>
              <a:rPr lang="en-US" sz="1800" dirty="0">
                <a:solidFill>
                  <a:srgbClr val="00B0F0"/>
                </a:solidFill>
              </a:rPr>
              <a:t>Two new radioisotope production stations</a:t>
            </a:r>
            <a:r>
              <a:rPr lang="en-US" sz="1800" dirty="0"/>
              <a:t> </a:t>
            </a:r>
            <a:br>
              <a:rPr lang="en-US" sz="1800" dirty="0"/>
            </a:br>
            <a:r>
              <a:rPr lang="en-US" sz="1800" dirty="0"/>
              <a:t>50 kW protons and 100 kW electrons</a:t>
            </a:r>
          </a:p>
          <a:p>
            <a:pPr>
              <a:spcBef>
                <a:spcPts val="1600"/>
              </a:spcBef>
            </a:pPr>
            <a:r>
              <a:rPr lang="en-US" sz="1800" dirty="0">
                <a:solidFill>
                  <a:srgbClr val="00B0F0"/>
                </a:solidFill>
              </a:rPr>
              <a:t>Multi-user operation</a:t>
            </a:r>
            <a:br>
              <a:rPr lang="en-US" sz="1800" dirty="0"/>
            </a:br>
            <a:r>
              <a:rPr lang="en-US" sz="1800" dirty="0"/>
              <a:t>up to three simultaneous beams (9000 RIB hours) </a:t>
            </a:r>
          </a:p>
          <a:p>
            <a:pPr>
              <a:spcBef>
                <a:spcPts val="1600"/>
              </a:spcBef>
            </a:pPr>
            <a:r>
              <a:rPr lang="en-US" sz="1800" dirty="0">
                <a:solidFill>
                  <a:srgbClr val="00B0F0"/>
                </a:solidFill>
                <a:cs typeface="Calibri"/>
              </a:rPr>
              <a:t>More efficient post acceleration</a:t>
            </a:r>
            <a:br>
              <a:rPr lang="en-US" sz="1800" dirty="0">
                <a:cs typeface="Calibri"/>
              </a:rPr>
            </a:br>
            <a:r>
              <a:rPr lang="en-US" sz="1800" dirty="0">
                <a:cs typeface="Calibri"/>
              </a:rPr>
              <a:t>EBIS, RFQ, Nier-spectrometer and 1/20,000 mass separator.</a:t>
            </a:r>
          </a:p>
          <a:p>
            <a:pPr>
              <a:spcBef>
                <a:spcPts val="1600"/>
              </a:spcBef>
            </a:pPr>
            <a:r>
              <a:rPr lang="en-US" sz="1800" dirty="0">
                <a:solidFill>
                  <a:srgbClr val="00B0F0"/>
                </a:solidFill>
              </a:rPr>
              <a:t>Medical Isotopes</a:t>
            </a:r>
            <a:br>
              <a:rPr lang="en-US" sz="1800" dirty="0"/>
            </a:br>
            <a:r>
              <a:rPr lang="en-US" sz="1800" dirty="0"/>
              <a:t>production in proton target station beam dump and transfer to medical isotope research</a:t>
            </a:r>
          </a:p>
        </p:txBody>
      </p:sp>
    </p:spTree>
    <p:extLst>
      <p:ext uri="{BB962C8B-B14F-4D97-AF65-F5344CB8AC3E}">
        <p14:creationId xmlns:p14="http://schemas.microsoft.com/office/powerpoint/2010/main" val="354297616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DCEED44-606C-2D5D-B832-6D25D552667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E9C11B7-AF6C-8362-A2CD-64440280C4A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212986" y="205595"/>
            <a:ext cx="11047152" cy="606574"/>
          </a:xfrm>
        </p:spPr>
        <p:txBody>
          <a:bodyPr/>
          <a:lstStyle/>
          <a:p>
            <a:r>
              <a:rPr lang="en-US" dirty="0"/>
              <a:t>ARIEL program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57CBC5C-E08E-82D0-9742-54562D0AFC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50025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7</a:t>
            </a:fld>
            <a:endParaRPr lang="en-US"/>
          </a:p>
        </p:txBody>
      </p: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50625A13-7B6C-B465-76A6-A648F4C9EF6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9E134C7C-E7DF-60C9-7796-F5495858EE9E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4BCF5401-C1E5-0DB1-3F94-A05336318976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67A3997F-448B-44B7-91D1-417F1A4ED79A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C81A701E-FC3C-9762-4C6A-99C7855B3040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D0F476ED-16BF-EE0B-6313-59A2C4E1DF52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8DD09C0B-E10C-0B3D-3ACB-3AD199CFBFE9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F830A415-702B-986F-F014-AD92F4CE5EC6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11D38A4B-9B28-E9C3-49BC-C2687BA88B83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69B4111B-F372-3BD2-4019-69D6C49B5955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728FDAE-FF47-32DC-7AEA-55EA5BA23C11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4B2E901C-EA37-C202-C889-9F69C8778CC4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F94B16AC-2AB9-3B21-CDE7-22D3116A315D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AE573876-3CA6-651D-1AA9-006CFEBEF647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8B30EAE1-887B-B950-4754-BAA9FDAA66E1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91A0DE01-20FC-CEEF-A617-C4E406447D4B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7D235131-9A85-9070-D6FE-150468C081EE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D27D7D56-E9F4-8BFD-ED30-978999A16C87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AAB6B836-E707-1A75-6FF2-2973E720FDA4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ARIEL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100" dirty="0">
              <a:solidFill>
                <a:srgbClr val="002060"/>
              </a:solidFill>
            </a:endParaRPr>
          </a:p>
        </p:txBody>
      </p: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94A60317-78FE-A731-480F-F6F2086B44D0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C9A161EA-A113-306D-DA74-3591BAF79F4A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1D3C9CF3-B88C-D93F-044A-E334109FCF2C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33C919D3-1D30-D589-C814-CC9C11EDA054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E64EE58A-4760-F991-C238-B862862F66FA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ISAC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588" dirty="0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C879947D-AE8B-132D-BFF5-704B2821FAD1}"/>
              </a:ext>
            </a:extLst>
          </p:cNvPr>
          <p:cNvSpPr/>
          <p:nvPr/>
        </p:nvSpPr>
        <p:spPr>
          <a:xfrm>
            <a:off x="5436291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BC14E409-9825-7AB8-A139-F137750D8FFC}"/>
              </a:ext>
            </a:extLst>
          </p:cNvPr>
          <p:cNvSpPr txBox="1"/>
          <p:nvPr/>
        </p:nvSpPr>
        <p:spPr>
          <a:xfrm>
            <a:off x="5607443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358D7654-D9EF-EAAE-1BB0-A0E1311647DD}"/>
              </a:ext>
            </a:extLst>
          </p:cNvPr>
          <p:cNvSpPr/>
          <p:nvPr/>
        </p:nvSpPr>
        <p:spPr>
          <a:xfrm>
            <a:off x="5436291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C93D93BE-67C0-EFDE-87FF-20BA1CCC0293}"/>
              </a:ext>
            </a:extLst>
          </p:cNvPr>
          <p:cNvSpPr txBox="1"/>
          <p:nvPr/>
        </p:nvSpPr>
        <p:spPr>
          <a:xfrm>
            <a:off x="5607443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3405306-7F9E-913B-FECF-676D57B72988}"/>
              </a:ext>
            </a:extLst>
          </p:cNvPr>
          <p:cNvSpPr txBox="1"/>
          <p:nvPr/>
        </p:nvSpPr>
        <p:spPr>
          <a:xfrm>
            <a:off x="5607443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 dirty="0"/>
              <a:t>ARIEL ISOL targets (from 2027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9A4B130E-790A-F023-6814-D37246F84385}"/>
              </a:ext>
            </a:extLst>
          </p:cNvPr>
          <p:cNvSpPr/>
          <p:nvPr/>
        </p:nvSpPr>
        <p:spPr>
          <a:xfrm>
            <a:off x="5436291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F7476B96-C168-7436-54FB-2E912467649F}"/>
              </a:ext>
            </a:extLst>
          </p:cNvPr>
          <p:cNvSpPr/>
          <p:nvPr/>
        </p:nvSpPr>
        <p:spPr>
          <a:xfrm>
            <a:off x="8718647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3AE8470E-9E1C-E85D-7EBC-7D866DD05F4F}"/>
              </a:ext>
            </a:extLst>
          </p:cNvPr>
          <p:cNvSpPr txBox="1"/>
          <p:nvPr/>
        </p:nvSpPr>
        <p:spPr>
          <a:xfrm>
            <a:off x="8889799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87C775DB-E0AF-5A31-43EB-CC5157690E62}"/>
              </a:ext>
            </a:extLst>
          </p:cNvPr>
          <p:cNvSpPr/>
          <p:nvPr/>
        </p:nvSpPr>
        <p:spPr>
          <a:xfrm>
            <a:off x="8719397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86E24319-A5C5-26BB-9164-DCB3CAA30C85}"/>
              </a:ext>
            </a:extLst>
          </p:cNvPr>
          <p:cNvSpPr txBox="1"/>
          <p:nvPr/>
        </p:nvSpPr>
        <p:spPr>
          <a:xfrm>
            <a:off x="8890549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DA8FB8C6-E5BF-7D42-3BC5-EF95758647EE}"/>
              </a:ext>
            </a:extLst>
          </p:cNvPr>
          <p:cNvSpPr/>
          <p:nvPr/>
        </p:nvSpPr>
        <p:spPr>
          <a:xfrm>
            <a:off x="8718644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E5DC06CE-F4B5-7955-3029-124D2A2ED589}"/>
              </a:ext>
            </a:extLst>
          </p:cNvPr>
          <p:cNvSpPr txBox="1"/>
          <p:nvPr/>
        </p:nvSpPr>
        <p:spPr>
          <a:xfrm>
            <a:off x="8889797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FE425636-3FDC-FABD-D060-F3AB09185588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371E1CC8-EE00-F92E-04DD-12915657B1EE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72989D80-765A-97AA-186A-910F4C32E36B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595BE8BC-DD71-341E-3F07-287302375D6E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C25EF70B-FA9C-F275-EEF7-25FA0B14A804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>
            <a:extLst>
              <a:ext uri="{FF2B5EF4-FFF2-40B4-BE49-F238E27FC236}">
                <a16:creationId xmlns:a16="http://schemas.microsoft.com/office/drawing/2014/main" id="{71FBF6E1-382A-E44C-92E1-FB1AFDC67D26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8E567FD5-E7E9-1A94-0479-B63271564169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7727452D-F63A-993D-4DFE-ED1A5A384D83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54A35D76-DEE3-DF7D-2FD4-DA9DE0DF3EBB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35515E0C-E1AF-9AB1-0F0F-339850BDC8B7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DF4919E3-0783-4802-8AF7-8D01BC22B4CD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itle 1">
            <a:extLst>
              <a:ext uri="{FF2B5EF4-FFF2-40B4-BE49-F238E27FC236}">
                <a16:creationId xmlns:a16="http://schemas.microsoft.com/office/drawing/2014/main" id="{ECB2E4C2-A6AB-6A86-A7B0-AD72DF128321}"/>
              </a:ext>
            </a:extLst>
          </p:cNvPr>
          <p:cNvSpPr txBox="1">
            <a:spLocks/>
          </p:cNvSpPr>
          <p:nvPr/>
        </p:nvSpPr>
        <p:spPr>
          <a:xfrm>
            <a:off x="6398992" y="3032359"/>
            <a:ext cx="5623685" cy="3568981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00B0F0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228600" indent="-228600">
              <a:spcBef>
                <a:spcPts val="1600"/>
              </a:spcBef>
              <a:buClr>
                <a:srgbClr val="00B0F0"/>
              </a:buClr>
              <a:buFont typeface="Arial"/>
              <a:buChar char="•"/>
            </a:pPr>
            <a:r>
              <a:rPr lang="en-CA" sz="1800" dirty="0">
                <a:ea typeface="+mn-ea"/>
                <a:cs typeface="+mn-cs"/>
              </a:rPr>
              <a:t>ARIEL-I (2012 - 2014): </a:t>
            </a:r>
            <a:br>
              <a:rPr lang="en-CA" sz="1800" dirty="0">
                <a:ea typeface="+mn-ea"/>
                <a:cs typeface="+mn-cs"/>
              </a:rPr>
            </a:br>
            <a:r>
              <a:rPr lang="en-CA" sz="1800" dirty="0">
                <a:solidFill>
                  <a:schemeClr val="tx1"/>
                </a:solidFill>
                <a:ea typeface="+mn-ea"/>
                <a:cs typeface="+mn-cs"/>
              </a:rPr>
              <a:t>e-linac, beam tunnel, target building</a:t>
            </a:r>
            <a:endParaRPr lang="en-CA" sz="1800" dirty="0">
              <a:ea typeface="+mn-ea"/>
              <a:cs typeface="+mn-cs"/>
            </a:endParaRPr>
          </a:p>
          <a:p>
            <a:pPr marL="228600" indent="-228600">
              <a:spcBef>
                <a:spcPts val="1600"/>
              </a:spcBef>
              <a:buClr>
                <a:srgbClr val="00B0F0"/>
              </a:buClr>
              <a:buFont typeface="Arial"/>
              <a:buChar char="•"/>
            </a:pPr>
            <a:r>
              <a:rPr lang="en-CA" sz="1800" dirty="0">
                <a:ea typeface="+mn-ea"/>
                <a:cs typeface="+mn-cs"/>
              </a:rPr>
              <a:t>ARIEL-II (2017 - 2028) </a:t>
            </a:r>
            <a:br>
              <a:rPr lang="en-CA" sz="1800" dirty="0">
                <a:ea typeface="+mn-ea"/>
                <a:cs typeface="+mn-cs"/>
              </a:rPr>
            </a:br>
            <a:r>
              <a:rPr lang="en-CA" sz="1800" dirty="0">
                <a:solidFill>
                  <a:schemeClr val="tx1"/>
                </a:solidFill>
                <a:ea typeface="+mn-ea"/>
                <a:cs typeface="+mn-cs"/>
              </a:rPr>
              <a:t>target stations, shielding, hot cells, RIB distribution</a:t>
            </a:r>
            <a:endParaRPr lang="en-CA" sz="1800" dirty="0">
              <a:ea typeface="+mn-ea"/>
              <a:cs typeface="+mn-cs"/>
            </a:endParaRPr>
          </a:p>
          <a:p>
            <a:pPr marL="228600" indent="-228600">
              <a:spcBef>
                <a:spcPts val="1600"/>
              </a:spcBef>
              <a:buClr>
                <a:srgbClr val="00B0F0"/>
              </a:buClr>
              <a:buFont typeface="Arial"/>
              <a:buChar char="•"/>
            </a:pPr>
            <a:r>
              <a:rPr lang="en-CA" sz="1800" dirty="0">
                <a:ea typeface="+mn-ea"/>
                <a:cs typeface="+mn-cs"/>
              </a:rPr>
              <a:t>CANREB (2014 - 2019) </a:t>
            </a:r>
            <a:br>
              <a:rPr lang="en-CA" sz="1800" dirty="0">
                <a:ea typeface="+mn-ea"/>
                <a:cs typeface="+mn-cs"/>
              </a:rPr>
            </a:br>
            <a:r>
              <a:rPr lang="en-CA" sz="1800" dirty="0">
                <a:solidFill>
                  <a:schemeClr val="tx1"/>
                </a:solidFill>
                <a:ea typeface="+mn-ea"/>
                <a:cs typeface="+mn-cs"/>
              </a:rPr>
              <a:t>charge state breeding and purification</a:t>
            </a:r>
          </a:p>
          <a:p>
            <a:pPr marL="228600" indent="-228600">
              <a:spcBef>
                <a:spcPts val="1600"/>
              </a:spcBef>
              <a:buClr>
                <a:srgbClr val="00B0F0"/>
              </a:buClr>
              <a:buFont typeface="Arial"/>
              <a:buChar char="•"/>
            </a:pPr>
            <a:r>
              <a:rPr lang="en-CA" sz="1800" dirty="0">
                <a:ea typeface="+mn-ea"/>
                <a:cs typeface="+mn-cs"/>
              </a:rPr>
              <a:t>Therapeutic Isotopes (2020 - 2028)</a:t>
            </a:r>
            <a:br>
              <a:rPr lang="en-CA" sz="1800" dirty="0">
                <a:ea typeface="+mn-ea"/>
                <a:cs typeface="+mn-cs"/>
              </a:rPr>
            </a:br>
            <a:r>
              <a:rPr lang="en-CA" sz="1800" dirty="0">
                <a:solidFill>
                  <a:schemeClr val="tx1"/>
                </a:solidFill>
                <a:ea typeface="+mn-ea"/>
                <a:cs typeface="+mn-cs"/>
              </a:rPr>
              <a:t>Parasitic </a:t>
            </a:r>
            <a:r>
              <a:rPr lang="en-CA" sz="1800" baseline="30000" dirty="0">
                <a:solidFill>
                  <a:schemeClr val="tx1"/>
                </a:solidFill>
                <a:ea typeface="+mn-ea"/>
                <a:cs typeface="+mn-cs"/>
              </a:rPr>
              <a:t>225</a:t>
            </a:r>
            <a:r>
              <a:rPr lang="en-CA" sz="1800" dirty="0">
                <a:solidFill>
                  <a:schemeClr val="tx1"/>
                </a:solidFill>
                <a:ea typeface="+mn-ea"/>
                <a:cs typeface="+mn-cs"/>
              </a:rPr>
              <a:t>Ac production </a:t>
            </a:r>
          </a:p>
          <a:p>
            <a:pPr>
              <a:spcBef>
                <a:spcPts val="1600"/>
              </a:spcBef>
            </a:pPr>
            <a:r>
              <a:rPr lang="en-CA" sz="1800" dirty="0">
                <a:solidFill>
                  <a:schemeClr val="tx1"/>
                </a:solidFill>
                <a:ea typeface="+mn-ea"/>
                <a:cs typeface="+mn-cs"/>
              </a:rPr>
              <a:t>200 </a:t>
            </a:r>
            <a:r>
              <a:rPr lang="en-CA" sz="1800" dirty="0">
                <a:solidFill>
                  <a:schemeClr val="tx1"/>
                </a:solidFill>
              </a:rPr>
              <a:t>$M</a:t>
            </a:r>
            <a:r>
              <a:rPr lang="en-CA" sz="1800" dirty="0">
                <a:solidFill>
                  <a:schemeClr val="tx1"/>
                </a:solidFill>
                <a:ea typeface="+mn-ea"/>
                <a:cs typeface="+mn-cs"/>
              </a:rPr>
              <a:t> by federal and 6 provincial governments; 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2DA3664D-B009-30E9-91A1-29F057AB43EC}"/>
              </a:ext>
            </a:extLst>
          </p:cNvPr>
          <p:cNvSpPr/>
          <p:nvPr/>
        </p:nvSpPr>
        <p:spPr>
          <a:xfrm>
            <a:off x="6414615" y="4358614"/>
            <a:ext cx="4785357" cy="687881"/>
          </a:xfrm>
          <a:prstGeom prst="rect">
            <a:avLst/>
          </a:prstGeom>
          <a:solidFill>
            <a:srgbClr val="FFFFFF">
              <a:alpha val="63848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 dirty="0">
              <a:solidFill>
                <a:schemeClr val="tx1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367B1813-8D1B-9254-C533-6EE7AD256613}"/>
              </a:ext>
            </a:extLst>
          </p:cNvPr>
          <p:cNvSpPr/>
          <p:nvPr/>
        </p:nvSpPr>
        <p:spPr>
          <a:xfrm>
            <a:off x="6325965" y="2992273"/>
            <a:ext cx="4785357" cy="687881"/>
          </a:xfrm>
          <a:prstGeom prst="rect">
            <a:avLst/>
          </a:prstGeom>
          <a:solidFill>
            <a:srgbClr val="FFFFFF">
              <a:alpha val="63848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5919401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EDEB477-8456-24AA-D192-01F8A4E4318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D13A406-4D7D-6259-D069-1F35C9FA2B96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212986" y="205595"/>
            <a:ext cx="11047152" cy="606574"/>
          </a:xfrm>
        </p:spPr>
        <p:txBody>
          <a:bodyPr/>
          <a:lstStyle/>
          <a:p>
            <a:r>
              <a:rPr lang="en-US" dirty="0"/>
              <a:t>ARIEL program</a:t>
            </a:r>
            <a:endParaRPr lang="en-CA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0B80264-BA95-DA46-BDA7-2E5F1F39D2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93961" y="6500253"/>
            <a:ext cx="398039" cy="365125"/>
          </a:xfrm>
        </p:spPr>
        <p:txBody>
          <a:bodyPr/>
          <a:lstStyle/>
          <a:p>
            <a:fld id="{72890513-E58D-2644-ACDB-E89B1349FCEB}" type="slidenum">
              <a:rPr lang="en-US" smtClean="0"/>
              <a:pPr/>
              <a:t>8</a:t>
            </a:fld>
            <a:endParaRPr lang="en-US"/>
          </a:p>
        </p:txBody>
      </p:sp>
      <p:pic>
        <p:nvPicPr>
          <p:cNvPr id="6" name="Picture 5" descr="A blue and white logo&#10;&#10;Description automatically generated with low confidence">
            <a:extLst>
              <a:ext uri="{FF2B5EF4-FFF2-40B4-BE49-F238E27FC236}">
                <a16:creationId xmlns:a16="http://schemas.microsoft.com/office/drawing/2014/main" id="{C52F617B-2D4B-3401-1A29-268E83FE8721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459"/>
          <a:stretch/>
        </p:blipFill>
        <p:spPr>
          <a:xfrm>
            <a:off x="3285804" y="4648188"/>
            <a:ext cx="1465006" cy="1354019"/>
          </a:xfrm>
          <a:prstGeom prst="rect">
            <a:avLst/>
          </a:prstGeom>
        </p:spPr>
      </p:pic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B3F4B3E-3449-AC2C-F695-8764D6C81CA8}"/>
              </a:ext>
            </a:extLst>
          </p:cNvPr>
          <p:cNvSpPr txBox="1">
            <a:spLocks/>
          </p:cNvSpPr>
          <p:nvPr/>
        </p:nvSpPr>
        <p:spPr>
          <a:xfrm>
            <a:off x="3055006" y="6031046"/>
            <a:ext cx="2306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500 MeV – 400 </a:t>
            </a:r>
            <a:r>
              <a:rPr lang="el-GR" sz="1764">
                <a:solidFill>
                  <a:srgbClr val="009FE0"/>
                </a:solidFill>
              </a:rPr>
              <a:t>μ</a:t>
            </a:r>
            <a:r>
              <a:rPr lang="en-US" sz="1764">
                <a:solidFill>
                  <a:srgbClr val="009FE0"/>
                </a:solidFill>
              </a:rPr>
              <a:t>A</a:t>
            </a:r>
            <a:r>
              <a:rPr lang="en-CA" sz="1764">
                <a:solidFill>
                  <a:srgbClr val="009FE0"/>
                </a:solidFill>
              </a:rPr>
              <a:t> </a:t>
            </a:r>
          </a:p>
          <a:p>
            <a:pPr marL="0" indent="0" algn="ctr">
              <a:buFont typeface="Arial"/>
              <a:buNone/>
            </a:pPr>
            <a:r>
              <a:rPr lang="en-CA" sz="1764">
                <a:solidFill>
                  <a:srgbClr val="009FE0"/>
                </a:solidFill>
              </a:rPr>
              <a:t>P+ Cyclotron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FD1B3B74-32E9-BB5C-E891-134EC4FE4EC5}"/>
              </a:ext>
            </a:extLst>
          </p:cNvPr>
          <p:cNvCxnSpPr>
            <a:cxnSpLocks/>
          </p:cNvCxnSpPr>
          <p:nvPr/>
        </p:nvCxnSpPr>
        <p:spPr>
          <a:xfrm flipV="1">
            <a:off x="4548451" y="3840740"/>
            <a:ext cx="341071" cy="392272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3CE280E-4DAF-CDEA-38EE-3F4C50589ADC}"/>
              </a:ext>
            </a:extLst>
          </p:cNvPr>
          <p:cNvCxnSpPr>
            <a:cxnSpLocks/>
          </p:cNvCxnSpPr>
          <p:nvPr/>
        </p:nvCxnSpPr>
        <p:spPr>
          <a:xfrm flipH="1" flipV="1">
            <a:off x="1789969" y="3698592"/>
            <a:ext cx="4169" cy="1385507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A780BB2B-D644-8498-1B89-473891971F3D}"/>
              </a:ext>
            </a:extLst>
          </p:cNvPr>
          <p:cNvCxnSpPr>
            <a:cxnSpLocks/>
          </p:cNvCxnSpPr>
          <p:nvPr/>
        </p:nvCxnSpPr>
        <p:spPr>
          <a:xfrm flipH="1" flipV="1">
            <a:off x="4158175" y="3864327"/>
            <a:ext cx="384798" cy="35885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8C848571-63B8-7786-F3BC-E3846592E755}"/>
              </a:ext>
            </a:extLst>
          </p:cNvPr>
          <p:cNvCxnSpPr>
            <a:cxnSpLocks/>
          </p:cNvCxnSpPr>
          <p:nvPr/>
        </p:nvCxnSpPr>
        <p:spPr>
          <a:xfrm>
            <a:off x="3059357" y="1855471"/>
            <a:ext cx="1048995" cy="0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2B3DF33B-F88B-F8A1-65BF-CB72F5BC497F}"/>
              </a:ext>
            </a:extLst>
          </p:cNvPr>
          <p:cNvSpPr txBox="1">
            <a:spLocks/>
          </p:cNvSpPr>
          <p:nvPr/>
        </p:nvSpPr>
        <p:spPr>
          <a:xfrm>
            <a:off x="981471" y="5809063"/>
            <a:ext cx="1898023" cy="70701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Char char="•"/>
              <a:defRPr sz="24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30 MeV – 10 mA </a:t>
            </a:r>
          </a:p>
          <a:p>
            <a:pPr marL="0" indent="0" algn="ctr">
              <a:buNone/>
            </a:pPr>
            <a:r>
              <a:rPr lang="en-CA" sz="1764">
                <a:solidFill>
                  <a:srgbClr val="002060"/>
                </a:solidFill>
              </a:rPr>
              <a:t>e- LINAC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6D263B3C-1E65-9040-21B5-99BA215FF42A}"/>
              </a:ext>
            </a:extLst>
          </p:cNvPr>
          <p:cNvCxnSpPr>
            <a:cxnSpLocks/>
          </p:cNvCxnSpPr>
          <p:nvPr/>
        </p:nvCxnSpPr>
        <p:spPr>
          <a:xfrm flipV="1">
            <a:off x="1787787" y="2682588"/>
            <a:ext cx="473468" cy="525750"/>
          </a:xfrm>
          <a:prstGeom prst="straightConnector1">
            <a:avLst/>
          </a:prstGeom>
          <a:ln w="28575">
            <a:solidFill>
              <a:srgbClr val="00206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05C25C8C-3BD7-ABD3-9A84-B82DAB1DADCC}"/>
              </a:ext>
            </a:extLst>
          </p:cNvPr>
          <p:cNvSpPr/>
          <p:nvPr/>
        </p:nvSpPr>
        <p:spPr>
          <a:xfrm rot="2760550">
            <a:off x="1895044" y="5296806"/>
            <a:ext cx="500929" cy="300239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D7A8218-5BD1-3814-3047-79BAD83F4E65}"/>
              </a:ext>
            </a:extLst>
          </p:cNvPr>
          <p:cNvCxnSpPr>
            <a:cxnSpLocks/>
          </p:cNvCxnSpPr>
          <p:nvPr/>
        </p:nvCxnSpPr>
        <p:spPr>
          <a:xfrm flipH="1" flipV="1">
            <a:off x="1790962" y="5076660"/>
            <a:ext cx="208822" cy="218459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7E4C9F00-7C26-A7A2-1157-C12367737B53}"/>
              </a:ext>
            </a:extLst>
          </p:cNvPr>
          <p:cNvCxnSpPr>
            <a:cxnSpLocks/>
          </p:cNvCxnSpPr>
          <p:nvPr/>
        </p:nvCxnSpPr>
        <p:spPr>
          <a:xfrm flipV="1">
            <a:off x="4549798" y="4204529"/>
            <a:ext cx="0" cy="715383"/>
          </a:xfrm>
          <a:prstGeom prst="line">
            <a:avLst/>
          </a:prstGeom>
          <a:ln w="28575">
            <a:solidFill>
              <a:srgbClr val="009FE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C893919A-7B3E-C282-1A3F-0565F0A9C584}"/>
              </a:ext>
            </a:extLst>
          </p:cNvPr>
          <p:cNvSpPr/>
          <p:nvPr/>
        </p:nvSpPr>
        <p:spPr>
          <a:xfrm rot="18766280">
            <a:off x="3794489" y="3529380"/>
            <a:ext cx="648993" cy="305019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W</a:t>
            </a:r>
            <a:endParaRPr lang="en-CA" sz="2116"/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FE72F950-8BDD-9D02-4614-23CD9D13C535}"/>
              </a:ext>
            </a:extLst>
          </p:cNvPr>
          <p:cNvSpPr/>
          <p:nvPr/>
        </p:nvSpPr>
        <p:spPr>
          <a:xfrm rot="2634991">
            <a:off x="4621527" y="3538665"/>
            <a:ext cx="700200" cy="31985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ITE</a:t>
            </a:r>
            <a:endParaRPr lang="en-CA" sz="1234"/>
          </a:p>
        </p:txBody>
      </p: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8D810806-C6BC-57B0-20EC-0DC8377DC89A}"/>
              </a:ext>
            </a:extLst>
          </p:cNvPr>
          <p:cNvSpPr/>
          <p:nvPr/>
        </p:nvSpPr>
        <p:spPr>
          <a:xfrm rot="18766280">
            <a:off x="2155820" y="2277185"/>
            <a:ext cx="729205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ETE</a:t>
            </a:r>
            <a:endParaRPr lang="en-CA" sz="2116"/>
          </a:p>
        </p:txBody>
      </p: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3EE9C0A0-D2F6-17EE-80F7-B7F11D121609}"/>
              </a:ext>
            </a:extLst>
          </p:cNvPr>
          <p:cNvCxnSpPr>
            <a:cxnSpLocks/>
            <a:stCxn id="39" idx="3"/>
          </p:cNvCxnSpPr>
          <p:nvPr/>
        </p:nvCxnSpPr>
        <p:spPr>
          <a:xfrm flipV="1">
            <a:off x="2768015" y="1855471"/>
            <a:ext cx="297692" cy="306580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AF890412-CE96-E2EC-5DCC-0149E8C1A0A7}"/>
              </a:ext>
            </a:extLst>
          </p:cNvPr>
          <p:cNvCxnSpPr>
            <a:cxnSpLocks/>
          </p:cNvCxnSpPr>
          <p:nvPr/>
        </p:nvCxnSpPr>
        <p:spPr>
          <a:xfrm flipV="1">
            <a:off x="4529364" y="2706801"/>
            <a:ext cx="0" cy="554788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B8D4C08D-100E-BF89-9BDE-F42EDA5B3D9D}"/>
              </a:ext>
            </a:extLst>
          </p:cNvPr>
          <p:cNvCxnSpPr>
            <a:cxnSpLocks/>
          </p:cNvCxnSpPr>
          <p:nvPr/>
        </p:nvCxnSpPr>
        <p:spPr>
          <a:xfrm flipH="1" flipV="1">
            <a:off x="4520431" y="3246019"/>
            <a:ext cx="209995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F515401B-FE96-9011-A887-F9B012C0B3F5}"/>
              </a:ext>
            </a:extLst>
          </p:cNvPr>
          <p:cNvCxnSpPr>
            <a:cxnSpLocks/>
          </p:cNvCxnSpPr>
          <p:nvPr/>
        </p:nvCxnSpPr>
        <p:spPr>
          <a:xfrm flipV="1">
            <a:off x="4346719" y="3246018"/>
            <a:ext cx="192650" cy="201879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48016716-B006-4EB2-B677-0C98C62361CF}"/>
              </a:ext>
            </a:extLst>
          </p:cNvPr>
          <p:cNvSpPr txBox="1"/>
          <p:nvPr/>
        </p:nvSpPr>
        <p:spPr>
          <a:xfrm>
            <a:off x="799861" y="1624995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ARIEL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100" dirty="0">
              <a:solidFill>
                <a:srgbClr val="002060"/>
              </a:solidFill>
            </a:endParaRPr>
          </a:p>
        </p:txBody>
      </p: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8F7FAFAA-E1F9-928D-C3A7-28D20A889FB8}"/>
              </a:ext>
            </a:extLst>
          </p:cNvPr>
          <p:cNvSpPr/>
          <p:nvPr/>
        </p:nvSpPr>
        <p:spPr>
          <a:xfrm>
            <a:off x="4108352" y="1243722"/>
            <a:ext cx="2999660" cy="1479875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Radioactive Ion Beam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~10 user facilitie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Nuclear &amp; atomic physics</a:t>
            </a:r>
          </a:p>
          <a:p>
            <a:pPr marL="252018" indent="-252018">
              <a:buFont typeface="Arial" panose="020B0604020202020204" pitchFamily="34" charset="0"/>
              <a:buChar char="•"/>
            </a:pPr>
            <a:r>
              <a:rPr lang="en-US" sz="1588">
                <a:solidFill>
                  <a:srgbClr val="002060"/>
                </a:solidFill>
              </a:rPr>
              <a:t>Material science</a:t>
            </a: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C1484D3C-CD39-0823-B585-47F4EB38CF8B}"/>
              </a:ext>
            </a:extLst>
          </p:cNvPr>
          <p:cNvSpPr/>
          <p:nvPr/>
        </p:nvSpPr>
        <p:spPr>
          <a:xfrm>
            <a:off x="4474543" y="1319729"/>
            <a:ext cx="2110083" cy="357664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764"/>
              <a:t>ISAC I and II halls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8C23BAC3-F98E-82FE-247C-9BC92FF7DF4B}"/>
              </a:ext>
            </a:extLst>
          </p:cNvPr>
          <p:cNvSpPr/>
          <p:nvPr/>
        </p:nvSpPr>
        <p:spPr>
          <a:xfrm>
            <a:off x="212985" y="1016334"/>
            <a:ext cx="2949172" cy="5599789"/>
          </a:xfrm>
          <a:prstGeom prst="roundRect">
            <a:avLst>
              <a:gd name="adj" fmla="val 6373"/>
            </a:avLst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52018" indent="-252018">
              <a:buFont typeface="Arial" panose="020B0604020202020204" pitchFamily="34" charset="0"/>
              <a:buChar char="•"/>
            </a:pPr>
            <a:endParaRPr lang="en-US" sz="2470">
              <a:solidFill>
                <a:srgbClr val="002060"/>
              </a:solidFill>
            </a:endParaRPr>
          </a:p>
          <a:p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21FEA893-134B-BB55-8095-53E95ED6B301}"/>
              </a:ext>
            </a:extLst>
          </p:cNvPr>
          <p:cNvSpPr/>
          <p:nvPr/>
        </p:nvSpPr>
        <p:spPr>
          <a:xfrm>
            <a:off x="3270064" y="3032359"/>
            <a:ext cx="2064687" cy="1273040"/>
          </a:xfrm>
          <a:prstGeom prst="roundRect">
            <a:avLst/>
          </a:prstGeom>
          <a:noFill/>
          <a:ln>
            <a:solidFill>
              <a:srgbClr val="00206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endParaRPr lang="en-CA" sz="1588">
              <a:solidFill>
                <a:srgbClr val="002060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CACF58C0-404C-4C60-A67F-A26D591218BD}"/>
              </a:ext>
            </a:extLst>
          </p:cNvPr>
          <p:cNvSpPr txBox="1"/>
          <p:nvPr/>
        </p:nvSpPr>
        <p:spPr>
          <a:xfrm>
            <a:off x="3308756" y="2981228"/>
            <a:ext cx="1195044" cy="68788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70" dirty="0">
                <a:solidFill>
                  <a:srgbClr val="002060"/>
                </a:solidFill>
              </a:rPr>
              <a:t>ISAC</a:t>
            </a:r>
          </a:p>
          <a:p>
            <a:r>
              <a:rPr lang="en-US" sz="1400" dirty="0">
                <a:solidFill>
                  <a:srgbClr val="002060"/>
                </a:solidFill>
              </a:rPr>
              <a:t>(ISOL)</a:t>
            </a:r>
            <a:endParaRPr lang="en-CA" sz="1588" dirty="0">
              <a:solidFill>
                <a:srgbClr val="002060"/>
              </a:solidFill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C2B97B49-D5EC-A758-877D-06CDCEF770BE}"/>
              </a:ext>
            </a:extLst>
          </p:cNvPr>
          <p:cNvSpPr/>
          <p:nvPr/>
        </p:nvSpPr>
        <p:spPr>
          <a:xfrm>
            <a:off x="5436291" y="275212"/>
            <a:ext cx="155616" cy="168727"/>
          </a:xfrm>
          <a:prstGeom prst="roundRect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488BB762-2AA3-DD3D-4EC0-BFC5E24F7FE6}"/>
              </a:ext>
            </a:extLst>
          </p:cNvPr>
          <p:cNvSpPr txBox="1"/>
          <p:nvPr/>
        </p:nvSpPr>
        <p:spPr>
          <a:xfrm>
            <a:off x="5607443" y="196702"/>
            <a:ext cx="202498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User facilities</a:t>
            </a: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DB969213-62EE-1B17-4916-EE8E61AF05EC}"/>
              </a:ext>
            </a:extLst>
          </p:cNvPr>
          <p:cNvSpPr/>
          <p:nvPr/>
        </p:nvSpPr>
        <p:spPr>
          <a:xfrm>
            <a:off x="5436291" y="541150"/>
            <a:ext cx="155616" cy="168727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F7E7B5EF-228F-03B9-8FB9-3B52B930959E}"/>
              </a:ext>
            </a:extLst>
          </p:cNvPr>
          <p:cNvSpPr txBox="1"/>
          <p:nvPr/>
        </p:nvSpPr>
        <p:spPr>
          <a:xfrm>
            <a:off x="5607443" y="462639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ISAC ISOL targets (since 2000s)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1F93592F-14DA-64C2-BE66-7631B399BD13}"/>
              </a:ext>
            </a:extLst>
          </p:cNvPr>
          <p:cNvSpPr txBox="1"/>
          <p:nvPr/>
        </p:nvSpPr>
        <p:spPr>
          <a:xfrm>
            <a:off x="5607443" y="743957"/>
            <a:ext cx="2878554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 dirty="0"/>
              <a:t>ARIEL ISOL targets (from 2027)</a:t>
            </a: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E4246C93-BB61-0173-86DF-6FD3B41CF7DC}"/>
              </a:ext>
            </a:extLst>
          </p:cNvPr>
          <p:cNvSpPr/>
          <p:nvPr/>
        </p:nvSpPr>
        <p:spPr>
          <a:xfrm>
            <a:off x="5436291" y="817017"/>
            <a:ext cx="155616" cy="168727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E569CE75-1CB6-B399-DEF0-0D635A658557}"/>
              </a:ext>
            </a:extLst>
          </p:cNvPr>
          <p:cNvSpPr/>
          <p:nvPr/>
        </p:nvSpPr>
        <p:spPr>
          <a:xfrm>
            <a:off x="8718647" y="275212"/>
            <a:ext cx="171153" cy="168727"/>
          </a:xfrm>
          <a:prstGeom prst="roundRect">
            <a:avLst/>
          </a:prstGeom>
          <a:solidFill>
            <a:srgbClr val="009FE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207510D3-DCE3-19EF-D3EB-6AC0200A39D7}"/>
              </a:ext>
            </a:extLst>
          </p:cNvPr>
          <p:cNvSpPr txBox="1"/>
          <p:nvPr/>
        </p:nvSpPr>
        <p:spPr>
          <a:xfrm>
            <a:off x="8889799" y="196702"/>
            <a:ext cx="3247961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Cyclotron &amp; beamlines (since ~1975)</a:t>
            </a:r>
          </a:p>
        </p:txBody>
      </p:sp>
      <p:sp>
        <p:nvSpPr>
          <p:cNvPr id="66" name="Rectangle: Rounded Corners 65">
            <a:extLst>
              <a:ext uri="{FF2B5EF4-FFF2-40B4-BE49-F238E27FC236}">
                <a16:creationId xmlns:a16="http://schemas.microsoft.com/office/drawing/2014/main" id="{68F7CA00-D685-A728-C501-837B3BF22226}"/>
              </a:ext>
            </a:extLst>
          </p:cNvPr>
          <p:cNvSpPr/>
          <p:nvPr/>
        </p:nvSpPr>
        <p:spPr>
          <a:xfrm>
            <a:off x="8719397" y="822662"/>
            <a:ext cx="171153" cy="168727"/>
          </a:xfrm>
          <a:prstGeom prst="round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BB7BB7DB-2FBC-42BC-BF06-D91E7F7D18EE}"/>
              </a:ext>
            </a:extLst>
          </p:cNvPr>
          <p:cNvSpPr txBox="1"/>
          <p:nvPr/>
        </p:nvSpPr>
        <p:spPr>
          <a:xfrm>
            <a:off x="8890549" y="747327"/>
            <a:ext cx="308846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E-</a:t>
            </a:r>
            <a:r>
              <a:rPr lang="en-US" sz="1411" err="1"/>
              <a:t>linac</a:t>
            </a:r>
            <a:r>
              <a:rPr lang="en-US" sz="1411"/>
              <a:t> and beamline (since ~2013) </a:t>
            </a:r>
          </a:p>
        </p:txBody>
      </p:sp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23817E5D-5E27-6F93-DFB9-31138DC760FA}"/>
              </a:ext>
            </a:extLst>
          </p:cNvPr>
          <p:cNvSpPr/>
          <p:nvPr/>
        </p:nvSpPr>
        <p:spPr>
          <a:xfrm>
            <a:off x="8718644" y="537562"/>
            <a:ext cx="171153" cy="168727"/>
          </a:xfrm>
          <a:prstGeom prst="roundRect">
            <a:avLst/>
          </a:prstGeom>
          <a:solidFill>
            <a:schemeClr val="accent4">
              <a:lumMod val="60000"/>
              <a:lumOff val="4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88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024D9775-2784-AD25-0538-A91D953D527E}"/>
              </a:ext>
            </a:extLst>
          </p:cNvPr>
          <p:cNvSpPr txBox="1"/>
          <p:nvPr/>
        </p:nvSpPr>
        <p:spPr>
          <a:xfrm>
            <a:off x="8889797" y="467945"/>
            <a:ext cx="2680346" cy="309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11"/>
              <a:t>RIB lines</a:t>
            </a:r>
          </a:p>
        </p:txBody>
      </p:sp>
      <p:sp>
        <p:nvSpPr>
          <p:cNvPr id="70" name="Rectangle: Rounded Corners 69">
            <a:extLst>
              <a:ext uri="{FF2B5EF4-FFF2-40B4-BE49-F238E27FC236}">
                <a16:creationId xmlns:a16="http://schemas.microsoft.com/office/drawing/2014/main" id="{1592A87C-E6CE-DC99-99B7-4F57E31A4CC4}"/>
              </a:ext>
            </a:extLst>
          </p:cNvPr>
          <p:cNvSpPr/>
          <p:nvPr/>
        </p:nvSpPr>
        <p:spPr>
          <a:xfrm rot="18766280">
            <a:off x="1795778" y="1901695"/>
            <a:ext cx="813426" cy="305019"/>
          </a:xfrm>
          <a:prstGeom prst="roundRect">
            <a:avLst/>
          </a:prstGeom>
          <a:solidFill>
            <a:schemeClr val="accent2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11"/>
              <a:t>APTW</a:t>
            </a:r>
            <a:endParaRPr lang="en-CA" sz="2116"/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178FE7CB-070E-5C75-17D4-F30C01434ED1}"/>
              </a:ext>
            </a:extLst>
          </p:cNvPr>
          <p:cNvCxnSpPr>
            <a:cxnSpLocks/>
          </p:cNvCxnSpPr>
          <p:nvPr/>
        </p:nvCxnSpPr>
        <p:spPr>
          <a:xfrm flipV="1">
            <a:off x="2490756" y="1419471"/>
            <a:ext cx="301282" cy="354311"/>
          </a:xfrm>
          <a:prstGeom prst="line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>
            <a:extLst>
              <a:ext uri="{FF2B5EF4-FFF2-40B4-BE49-F238E27FC236}">
                <a16:creationId xmlns:a16="http://schemas.microsoft.com/office/drawing/2014/main" id="{D3AE5744-6D6D-1A71-5381-1917073316E8}"/>
              </a:ext>
            </a:extLst>
          </p:cNvPr>
          <p:cNvCxnSpPr>
            <a:cxnSpLocks/>
          </p:cNvCxnSpPr>
          <p:nvPr/>
        </p:nvCxnSpPr>
        <p:spPr>
          <a:xfrm flipV="1">
            <a:off x="2792038" y="1418825"/>
            <a:ext cx="1316314" cy="8447"/>
          </a:xfrm>
          <a:prstGeom prst="straightConnector1">
            <a:avLst/>
          </a:prstGeom>
          <a:ln w="28575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3BE4C03F-36CC-1DF3-F2B4-7646DA441E86}"/>
              </a:ext>
            </a:extLst>
          </p:cNvPr>
          <p:cNvCxnSpPr>
            <a:cxnSpLocks/>
          </p:cNvCxnSpPr>
          <p:nvPr/>
        </p:nvCxnSpPr>
        <p:spPr>
          <a:xfrm flipV="1">
            <a:off x="811450" y="2346411"/>
            <a:ext cx="1114853" cy="1136350"/>
          </a:xfrm>
          <a:prstGeom prst="straightConnector1">
            <a:avLst/>
          </a:prstGeom>
          <a:ln w="28575">
            <a:solidFill>
              <a:srgbClr val="009FE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90877F67-D637-24CE-5709-ACC10413E47A}"/>
              </a:ext>
            </a:extLst>
          </p:cNvPr>
          <p:cNvCxnSpPr>
            <a:cxnSpLocks/>
          </p:cNvCxnSpPr>
          <p:nvPr/>
        </p:nvCxnSpPr>
        <p:spPr>
          <a:xfrm flipV="1">
            <a:off x="806466" y="3471688"/>
            <a:ext cx="4984" cy="1223237"/>
          </a:xfrm>
          <a:prstGeom prst="line">
            <a:avLst/>
          </a:prstGeom>
          <a:ln w="28575">
            <a:solidFill>
              <a:srgbClr val="009FE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>
            <a:extLst>
              <a:ext uri="{FF2B5EF4-FFF2-40B4-BE49-F238E27FC236}">
                <a16:creationId xmlns:a16="http://schemas.microsoft.com/office/drawing/2014/main" id="{14761788-C5B9-BED4-453D-18BF98D955E3}"/>
              </a:ext>
            </a:extLst>
          </p:cNvPr>
          <p:cNvSpPr txBox="1"/>
          <p:nvPr/>
        </p:nvSpPr>
        <p:spPr>
          <a:xfrm>
            <a:off x="4479409" y="4273528"/>
            <a:ext cx="83971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1800">
                <a:solidFill>
                  <a:srgbClr val="009FE0"/>
                </a:solidFill>
              </a:rPr>
              <a:t>BL2A</a:t>
            </a:r>
            <a:endParaRPr lang="en-CA"/>
          </a:p>
        </p:txBody>
      </p: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22768FB8-E264-E6EA-3EA1-6512A5B580AD}"/>
              </a:ext>
            </a:extLst>
          </p:cNvPr>
          <p:cNvCxnSpPr>
            <a:cxnSpLocks/>
          </p:cNvCxnSpPr>
          <p:nvPr/>
        </p:nvCxnSpPr>
        <p:spPr>
          <a:xfrm flipH="1">
            <a:off x="1132599" y="3500390"/>
            <a:ext cx="452138" cy="2442"/>
          </a:xfrm>
          <a:prstGeom prst="straightConnector1">
            <a:avLst/>
          </a:prstGeom>
          <a:ln w="28575">
            <a:solidFill>
              <a:srgbClr val="00206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678EADB7-69DA-64F0-B954-852241F0EED8}"/>
              </a:ext>
            </a:extLst>
          </p:cNvPr>
          <p:cNvCxnSpPr>
            <a:cxnSpLocks/>
          </p:cNvCxnSpPr>
          <p:nvPr/>
        </p:nvCxnSpPr>
        <p:spPr>
          <a:xfrm flipH="1" flipV="1">
            <a:off x="1579422" y="3495628"/>
            <a:ext cx="215308" cy="214708"/>
          </a:xfrm>
          <a:prstGeom prst="line">
            <a:avLst/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 99">
            <a:extLst>
              <a:ext uri="{FF2B5EF4-FFF2-40B4-BE49-F238E27FC236}">
                <a16:creationId xmlns:a16="http://schemas.microsoft.com/office/drawing/2014/main" id="{0E2C49B7-3096-BDA3-9298-A740EB20445C}"/>
              </a:ext>
            </a:extLst>
          </p:cNvPr>
          <p:cNvSpPr/>
          <p:nvPr/>
        </p:nvSpPr>
        <p:spPr>
          <a:xfrm>
            <a:off x="1007647" y="3438525"/>
            <a:ext cx="122673" cy="11645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588"/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910AA025-895C-59EC-DA5F-CAEDE23BDFF5}"/>
              </a:ext>
            </a:extLst>
          </p:cNvPr>
          <p:cNvCxnSpPr>
            <a:cxnSpLocks/>
          </p:cNvCxnSpPr>
          <p:nvPr/>
        </p:nvCxnSpPr>
        <p:spPr>
          <a:xfrm flipH="1" flipV="1">
            <a:off x="1786295" y="3199630"/>
            <a:ext cx="1339" cy="498962"/>
          </a:xfrm>
          <a:prstGeom prst="line">
            <a:avLst/>
          </a:prstGeom>
          <a:ln w="28575"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D654C8AA-98EB-2775-B919-8ED020409DF8}"/>
              </a:ext>
            </a:extLst>
          </p:cNvPr>
          <p:cNvCxnSpPr>
            <a:cxnSpLocks/>
          </p:cNvCxnSpPr>
          <p:nvPr/>
        </p:nvCxnSpPr>
        <p:spPr>
          <a:xfrm flipH="1">
            <a:off x="826173" y="4696011"/>
            <a:ext cx="3049771" cy="0"/>
          </a:xfrm>
          <a:prstGeom prst="straightConnector1">
            <a:avLst/>
          </a:prstGeom>
          <a:ln w="28575">
            <a:solidFill>
              <a:srgbClr val="009FE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Text Placeholder 1">
            <a:extLst>
              <a:ext uri="{FF2B5EF4-FFF2-40B4-BE49-F238E27FC236}">
                <a16:creationId xmlns:a16="http://schemas.microsoft.com/office/drawing/2014/main" id="{1FC24E4E-774C-2603-0F43-9DDEA59B2BC2}"/>
              </a:ext>
            </a:extLst>
          </p:cNvPr>
          <p:cNvSpPr txBox="1">
            <a:spLocks/>
          </p:cNvSpPr>
          <p:nvPr/>
        </p:nvSpPr>
        <p:spPr>
          <a:xfrm>
            <a:off x="6202224" y="4279792"/>
            <a:ext cx="5375146" cy="1132104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Tx/>
              <a:buNone/>
              <a:defRPr sz="2800" b="1" i="0" kern="1200" baseline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  <a:lvl2pPr marL="4572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2pPr>
            <a:lvl3pPr marL="9144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3pPr>
            <a:lvl4pPr marL="13716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4pPr>
            <a:lvl5pPr marL="18288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b="1" i="0" kern="1200">
                <a:solidFill>
                  <a:srgbClr val="00AAFF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5400" dirty="0"/>
              <a:t>Electron linac</a:t>
            </a:r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249722548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C5B4BF3-1D81-B8FE-89F1-BA49F2D7A7A6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US"/>
              <a:t>ARIEL e-linac</a:t>
            </a:r>
            <a:endParaRPr lang="en-CA"/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88F463DB-D738-3C8E-033E-851F8ADB3DFC}"/>
              </a:ext>
            </a:extLst>
          </p:cNvPr>
          <p:cNvGrpSpPr/>
          <p:nvPr/>
        </p:nvGrpSpPr>
        <p:grpSpPr>
          <a:xfrm>
            <a:off x="14795" y="693297"/>
            <a:ext cx="12102150" cy="5562354"/>
            <a:chOff x="14795" y="693297"/>
            <a:chExt cx="12102150" cy="5562354"/>
          </a:xfrm>
        </p:grpSpPr>
        <p:pic>
          <p:nvPicPr>
            <p:cNvPr id="5" name="Picture 4" descr="A screenshot of a video game&#10;&#10;Description automatically generated with low confidence">
              <a:extLst>
                <a:ext uri="{FF2B5EF4-FFF2-40B4-BE49-F238E27FC236}">
                  <a16:creationId xmlns:a16="http://schemas.microsoft.com/office/drawing/2014/main" id="{66CAA9E1-6132-47B2-2D6C-7407847D442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74822" y="693297"/>
              <a:ext cx="11307046" cy="5562354"/>
            </a:xfrm>
            <a:prstGeom prst="rect">
              <a:avLst/>
            </a:prstGeom>
          </p:spPr>
        </p:pic>
        <p:sp>
          <p:nvSpPr>
            <p:cNvPr id="6" name="Right Brace 5">
              <a:extLst>
                <a:ext uri="{FF2B5EF4-FFF2-40B4-BE49-F238E27FC236}">
                  <a16:creationId xmlns:a16="http://schemas.microsoft.com/office/drawing/2014/main" id="{E941BEA5-A2F5-D59D-5B15-1A24B3073785}"/>
                </a:ext>
              </a:extLst>
            </p:cNvPr>
            <p:cNvSpPr/>
            <p:nvPr/>
          </p:nvSpPr>
          <p:spPr>
            <a:xfrm rot="3211039">
              <a:off x="11140090" y="1631362"/>
              <a:ext cx="240093" cy="1713616"/>
            </a:xfrm>
            <a:prstGeom prst="rightBrac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2D05EFAD-AFFC-9A14-B755-78646018EEDB}"/>
                </a:ext>
              </a:extLst>
            </p:cNvPr>
            <p:cNvSpPr txBox="1"/>
            <p:nvPr/>
          </p:nvSpPr>
          <p:spPr>
            <a:xfrm>
              <a:off x="10761373" y="2669296"/>
              <a:ext cx="1347182" cy="46166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400" spc="10" dirty="0">
                  <a:solidFill>
                    <a:srgbClr val="00206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300 keV</a:t>
              </a:r>
              <a:endParaRPr lang="en-CA" sz="2400" spc="10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8" name="Right Brace 7">
              <a:extLst>
                <a:ext uri="{FF2B5EF4-FFF2-40B4-BE49-F238E27FC236}">
                  <a16:creationId xmlns:a16="http://schemas.microsoft.com/office/drawing/2014/main" id="{645AA1E7-97E5-0D0E-93DD-E710B0A045A0}"/>
                </a:ext>
              </a:extLst>
            </p:cNvPr>
            <p:cNvSpPr/>
            <p:nvPr/>
          </p:nvSpPr>
          <p:spPr>
            <a:xfrm rot="3211039">
              <a:off x="9206372" y="2923990"/>
              <a:ext cx="240093" cy="1713616"/>
            </a:xfrm>
            <a:prstGeom prst="rightBrac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5043C532-9A1E-963E-B1E4-AB2FB80EB410}"/>
                </a:ext>
              </a:extLst>
            </p:cNvPr>
            <p:cNvSpPr txBox="1"/>
            <p:nvPr/>
          </p:nvSpPr>
          <p:spPr>
            <a:xfrm>
              <a:off x="8955670" y="3934492"/>
              <a:ext cx="1609725" cy="46166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400" spc="10" dirty="0">
                  <a:solidFill>
                    <a:srgbClr val="00206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10 MeV</a:t>
              </a:r>
              <a:endParaRPr lang="en-CA" sz="2400" spc="10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0" name="Right Brace 9">
              <a:extLst>
                <a:ext uri="{FF2B5EF4-FFF2-40B4-BE49-F238E27FC236}">
                  <a16:creationId xmlns:a16="http://schemas.microsoft.com/office/drawing/2014/main" id="{2A0EECBC-4A8D-CD16-D61E-BB9C6A13B2B5}"/>
                </a:ext>
              </a:extLst>
            </p:cNvPr>
            <p:cNvSpPr/>
            <p:nvPr/>
          </p:nvSpPr>
          <p:spPr>
            <a:xfrm rot="16200000">
              <a:off x="3322020" y="-660428"/>
              <a:ext cx="240093" cy="5817330"/>
            </a:xfrm>
            <a:prstGeom prst="rightBrac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B216957-4467-2AF9-7228-9A687721C888}"/>
                </a:ext>
              </a:extLst>
            </p:cNvPr>
            <p:cNvSpPr txBox="1"/>
            <p:nvPr/>
          </p:nvSpPr>
          <p:spPr>
            <a:xfrm>
              <a:off x="2851333" y="1619612"/>
              <a:ext cx="1609725" cy="46166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400" spc="10">
                  <a:solidFill>
                    <a:srgbClr val="00206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30 MeV</a:t>
              </a:r>
              <a:endParaRPr lang="en-CA" sz="2400" spc="1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CD05A2CB-8854-7055-ADAB-51064E4F6270}"/>
                </a:ext>
              </a:extLst>
            </p:cNvPr>
            <p:cNvSpPr txBox="1"/>
            <p:nvPr/>
          </p:nvSpPr>
          <p:spPr>
            <a:xfrm>
              <a:off x="611082" y="1153935"/>
              <a:ext cx="156454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CA">
                  <a:sym typeface="Wingdings" panose="05000000000000000000" pitchFamily="2" charset="2"/>
                </a:rPr>
                <a:t></a:t>
              </a:r>
              <a:r>
                <a:rPr lang="en-CA"/>
                <a:t>NORTH</a:t>
              </a:r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A9B39369-79E1-5B8F-4159-2F23A789CDFB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19658" y="2970469"/>
              <a:ext cx="579560" cy="247326"/>
            </a:xfrm>
            <a:prstGeom prst="straightConnector1">
              <a:avLst/>
            </a:prstGeom>
            <a:ln>
              <a:solidFill>
                <a:schemeClr val="bg1">
                  <a:lumMod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8EE67043-F143-F279-B0BE-28F179CBC4C0}"/>
                </a:ext>
              </a:extLst>
            </p:cNvPr>
            <p:cNvSpPr txBox="1"/>
            <p:nvPr/>
          </p:nvSpPr>
          <p:spPr>
            <a:xfrm>
              <a:off x="14795" y="2570996"/>
              <a:ext cx="3109405" cy="46166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400" spc="1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To “Driver tunnel”</a:t>
              </a:r>
              <a:endParaRPr lang="en-CA" sz="2400" spc="10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3358D0FC-CD83-A8ED-639D-62C0A08CD08F}"/>
                </a:ext>
              </a:extLst>
            </p:cNvPr>
            <p:cNvSpPr txBox="1"/>
            <p:nvPr/>
          </p:nvSpPr>
          <p:spPr>
            <a:xfrm>
              <a:off x="2851333" y="4882077"/>
              <a:ext cx="8629610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CA" sz="1600" dirty="0">
                  <a:sym typeface="Wingdings" panose="05000000000000000000" pitchFamily="2" charset="2"/>
                </a:rPr>
                <a:t>E = 30 MeV (upgradable to 50 MeV); Current up to 10 mA; Power up to 100 kW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CA" sz="1600" dirty="0">
                  <a:sym typeface="Wingdings" panose="05000000000000000000" pitchFamily="2" charset="2"/>
                </a:rPr>
                <a:t>Early science enabled: AETE material developments, FLASH studies on mice, </a:t>
              </a:r>
              <a:r>
                <a:rPr lang="en-CA" sz="1600" dirty="0" err="1">
                  <a:sym typeface="Wingdings" panose="05000000000000000000" pitchFamily="2" charset="2"/>
                </a:rPr>
                <a:t>DarkLight</a:t>
              </a:r>
              <a:endParaRPr lang="en-CA" sz="1600" dirty="0">
                <a:sym typeface="Wingdings" panose="05000000000000000000" pitchFamily="2" charset="2"/>
              </a:endParaRP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CA" sz="1600" b="1" dirty="0">
                  <a:sym typeface="Wingdings" panose="05000000000000000000" pitchFamily="2" charset="2"/>
                </a:rPr>
                <a:t>Status</a:t>
              </a:r>
              <a:r>
                <a:rPr lang="en-CA" sz="1600" dirty="0">
                  <a:sym typeface="Wingdings" panose="05000000000000000000" pitchFamily="2" charset="2"/>
                </a:rPr>
                <a:t>: Commissioned up to 10 kW (beam dump rating)</a:t>
              </a:r>
            </a:p>
          </p:txBody>
        </p:sp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C3E87C24-7735-2661-B293-C01BA71E3460}"/>
                </a:ext>
              </a:extLst>
            </p:cNvPr>
            <p:cNvSpPr txBox="1"/>
            <p:nvPr/>
          </p:nvSpPr>
          <p:spPr>
            <a:xfrm>
              <a:off x="886980" y="4040452"/>
              <a:ext cx="1288650" cy="658544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F378098D-D9A2-6FCF-3138-63A72F55ACFC}"/>
                </a:ext>
              </a:extLst>
            </p:cNvPr>
            <p:cNvSpPr txBox="1"/>
            <p:nvPr/>
          </p:nvSpPr>
          <p:spPr>
            <a:xfrm>
              <a:off x="2153416" y="3363500"/>
              <a:ext cx="1288650" cy="658544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9556CDC2-3945-D698-A5F3-D1DF89C64A94}"/>
                </a:ext>
              </a:extLst>
            </p:cNvPr>
            <p:cNvSpPr txBox="1"/>
            <p:nvPr/>
          </p:nvSpPr>
          <p:spPr>
            <a:xfrm>
              <a:off x="3816733" y="3381908"/>
              <a:ext cx="1288650" cy="658544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8414298B-E4A8-496A-0F1E-55A9F6DA3168}"/>
                </a:ext>
              </a:extLst>
            </p:cNvPr>
            <p:cNvSpPr txBox="1"/>
            <p:nvPr/>
          </p:nvSpPr>
          <p:spPr>
            <a:xfrm>
              <a:off x="4997833" y="4054549"/>
              <a:ext cx="1288650" cy="658544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A76939F1-8C13-80E2-AA47-F736419C7A8A}"/>
                </a:ext>
              </a:extLst>
            </p:cNvPr>
            <p:cNvSpPr txBox="1"/>
            <p:nvPr/>
          </p:nvSpPr>
          <p:spPr>
            <a:xfrm>
              <a:off x="6241353" y="3579820"/>
              <a:ext cx="1288650" cy="658544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4EC56F1C-82A0-B8EE-776A-0557B0725BE3}"/>
                </a:ext>
              </a:extLst>
            </p:cNvPr>
            <p:cNvSpPr txBox="1"/>
            <p:nvPr/>
          </p:nvSpPr>
          <p:spPr>
            <a:xfrm>
              <a:off x="5291137" y="2473255"/>
              <a:ext cx="1119621" cy="461665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BAA2F87D-C0AC-9FDD-E39F-097A809BFFE7}"/>
                </a:ext>
              </a:extLst>
            </p:cNvPr>
            <p:cNvSpPr txBox="1"/>
            <p:nvPr/>
          </p:nvSpPr>
          <p:spPr>
            <a:xfrm>
              <a:off x="8201025" y="3325962"/>
              <a:ext cx="996950" cy="461665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9AF86F1C-1339-F81E-901F-9AEC55B62FB1}"/>
                </a:ext>
              </a:extLst>
            </p:cNvPr>
            <p:cNvSpPr txBox="1"/>
            <p:nvPr/>
          </p:nvSpPr>
          <p:spPr>
            <a:xfrm>
              <a:off x="7982541" y="1897357"/>
              <a:ext cx="996950" cy="461665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EF3B7942-8381-EB52-82CA-E4B54FB4729D}"/>
                </a:ext>
              </a:extLst>
            </p:cNvPr>
            <p:cNvSpPr txBox="1"/>
            <p:nvPr/>
          </p:nvSpPr>
          <p:spPr>
            <a:xfrm>
              <a:off x="9536206" y="2568615"/>
              <a:ext cx="862405" cy="389399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292DF460-46A0-FA6A-DD50-BB2EFED451CD}"/>
                </a:ext>
              </a:extLst>
            </p:cNvPr>
            <p:cNvSpPr txBox="1"/>
            <p:nvPr/>
          </p:nvSpPr>
          <p:spPr>
            <a:xfrm>
              <a:off x="10519461" y="1915831"/>
              <a:ext cx="862405" cy="389399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7AE5CC5C-5BF9-198E-17B4-59C1B396390F}"/>
                </a:ext>
              </a:extLst>
            </p:cNvPr>
            <p:cNvSpPr txBox="1"/>
            <p:nvPr/>
          </p:nvSpPr>
          <p:spPr>
            <a:xfrm>
              <a:off x="9262057" y="1177395"/>
              <a:ext cx="996950" cy="461665"/>
            </a:xfrm>
            <a:prstGeom prst="rect">
              <a:avLst/>
            </a:prstGeom>
            <a:solidFill>
              <a:srgbClr val="FFFFFF"/>
            </a:solidFill>
          </p:spPr>
          <p:txBody>
            <a:bodyPr wrap="square" rtlCol="0">
              <a:spAutoFit/>
            </a:bodyPr>
            <a:lstStyle/>
            <a:p>
              <a:endParaRPr lang="en-CA" sz="1600" dirty="0">
                <a:sym typeface="Wingdings" panose="05000000000000000000" pitchFamily="2" charset="2"/>
              </a:endParaRPr>
            </a:p>
          </p:txBody>
        </p:sp>
      </p:grpSp>
      <p:sp>
        <p:nvSpPr>
          <p:cNvPr id="29" name="TextBox 28">
            <a:extLst>
              <a:ext uri="{FF2B5EF4-FFF2-40B4-BE49-F238E27FC236}">
                <a16:creationId xmlns:a16="http://schemas.microsoft.com/office/drawing/2014/main" id="{EB8194C1-DF11-4D82-7D62-7BBC24A34FBC}"/>
              </a:ext>
            </a:extLst>
          </p:cNvPr>
          <p:cNvSpPr txBox="1"/>
          <p:nvPr/>
        </p:nvSpPr>
        <p:spPr>
          <a:xfrm>
            <a:off x="10511086" y="2090802"/>
            <a:ext cx="969857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spc="10" dirty="0">
                <a:solidFill>
                  <a:srgbClr val="00AA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TS</a:t>
            </a:r>
            <a:endParaRPr lang="en-CA" sz="2400" spc="10" dirty="0">
              <a:solidFill>
                <a:srgbClr val="00AA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BC37FADF-3113-63BC-DD9D-5E2B1A7E619F}"/>
              </a:ext>
            </a:extLst>
          </p:cNvPr>
          <p:cNvSpPr txBox="1"/>
          <p:nvPr/>
        </p:nvSpPr>
        <p:spPr>
          <a:xfrm>
            <a:off x="74822" y="6208390"/>
            <a:ext cx="1211717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>
                <a:sym typeface="Wingdings" panose="05000000000000000000" pitchFamily="2" charset="2"/>
              </a:rPr>
              <a:t>[1] Egoriti, L. et al., Material development towards a solid 100 kW electron-gamma converter for TRIUMF-ARIEL </a:t>
            </a:r>
            <a:r>
              <a:rPr lang="en-US" sz="1000">
                <a:sym typeface="Wingdings" panose="05000000000000000000" pitchFamily="2" charset="2"/>
                <a:hlinkClick r:id="rId3"/>
              </a:rPr>
              <a:t>https://doi.org/10.1016/j.nimb.2019.05.031</a:t>
            </a:r>
            <a:endParaRPr lang="en-US" sz="1000">
              <a:sym typeface="Wingdings" panose="05000000000000000000" pitchFamily="2" charset="2"/>
            </a:endParaRPr>
          </a:p>
          <a:p>
            <a:r>
              <a:rPr lang="en-US" sz="1000">
                <a:sym typeface="Wingdings" panose="05000000000000000000" pitchFamily="2" charset="2"/>
              </a:rPr>
              <a:t>[2] Esplen, N., et al., </a:t>
            </a:r>
            <a:r>
              <a:rPr lang="en-US" sz="1000" err="1">
                <a:sym typeface="Wingdings" panose="05000000000000000000" pitchFamily="2" charset="2"/>
              </a:rPr>
              <a:t>Dosimetric</a:t>
            </a:r>
            <a:r>
              <a:rPr lang="en-US" sz="1000">
                <a:sym typeface="Wingdings" panose="05000000000000000000" pitchFamily="2" charset="2"/>
              </a:rPr>
              <a:t> characterization of a novel UHDR megavoltage X-ray source for FLASH radiobiological experiments. Sci Rep 14, 822 (2024). </a:t>
            </a:r>
            <a:r>
              <a:rPr lang="en-US" sz="1000">
                <a:sym typeface="Wingdings" panose="05000000000000000000" pitchFamily="2" charset="2"/>
                <a:hlinkClick r:id="rId4"/>
              </a:rPr>
              <a:t>https://doi.org/10.1038/s41598-023-50412-w</a:t>
            </a:r>
            <a:endParaRPr lang="en-US" sz="1000">
              <a:sym typeface="Wingdings" panose="05000000000000000000" pitchFamily="2" charset="2"/>
            </a:endParaRPr>
          </a:p>
          <a:p>
            <a:r>
              <a:rPr lang="en-US" sz="1000">
                <a:sym typeface="Wingdings" panose="05000000000000000000" pitchFamily="2" charset="2"/>
              </a:rPr>
              <a:t>[3] Ford, N. et al., Respiratory-gated micro-computed tomography imaging to measure radiation-induced lung injuries in mice following ultra-high dose-rate and conventional dose-rate radiation therapy, J. Med. </a:t>
            </a:r>
            <a:r>
              <a:rPr lang="en-US" sz="1000" err="1">
                <a:sym typeface="Wingdings" panose="05000000000000000000" pitchFamily="2" charset="2"/>
              </a:rPr>
              <a:t>Imag</a:t>
            </a:r>
            <a:r>
              <a:rPr lang="en-US" sz="1000">
                <a:sym typeface="Wingdings" panose="05000000000000000000" pitchFamily="2" charset="2"/>
              </a:rPr>
              <a:t>. 12(1) 014002 (30 January 2025) </a:t>
            </a:r>
            <a:r>
              <a:rPr lang="en-US" sz="1000">
                <a:sym typeface="Wingdings" panose="05000000000000000000" pitchFamily="2" charset="2"/>
                <a:hlinkClick r:id="rId5"/>
              </a:rPr>
              <a:t>10.1117/1.JMI.12.1.014002</a:t>
            </a:r>
            <a:endParaRPr lang="en-US" sz="1000">
              <a:sym typeface="Wingdings" panose="05000000000000000000" pitchFamily="2" charset="2"/>
            </a:endParaRPr>
          </a:p>
        </p:txBody>
      </p:sp>
      <p:pic>
        <p:nvPicPr>
          <p:cNvPr id="35" name="Picture 34">
            <a:extLst>
              <a:ext uri="{FF2B5EF4-FFF2-40B4-BE49-F238E27FC236}">
                <a16:creationId xmlns:a16="http://schemas.microsoft.com/office/drawing/2014/main" id="{BC2C7004-8D2E-9EB1-94FD-9DB4C80DC9B7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r="48018"/>
          <a:stretch>
            <a:fillRect/>
          </a:stretch>
        </p:blipFill>
        <p:spPr>
          <a:xfrm>
            <a:off x="74822" y="2803450"/>
            <a:ext cx="5555857" cy="3194643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00DE4EAD-C598-8BBB-4DF8-A39DE519EDD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70840" y="1020716"/>
            <a:ext cx="6545271" cy="3624044"/>
          </a:xfrm>
          <a:prstGeom prst="rect">
            <a:avLst/>
          </a:prstGeom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id="{2F466662-5E46-AB1E-AE94-980D8C8CAC4A}"/>
              </a:ext>
            </a:extLst>
          </p:cNvPr>
          <p:cNvSpPr txBox="1"/>
          <p:nvPr/>
        </p:nvSpPr>
        <p:spPr>
          <a:xfrm>
            <a:off x="611082" y="4233316"/>
            <a:ext cx="1664541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spc="10" dirty="0" err="1">
                <a:solidFill>
                  <a:srgbClr val="00AA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rkLight</a:t>
            </a:r>
            <a:endParaRPr lang="en-CA" sz="2400" spc="10" dirty="0">
              <a:solidFill>
                <a:srgbClr val="00AA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844545CC-13C7-605C-D84B-053E6DE3E1CB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51847"/>
          <a:stretch>
            <a:fillRect/>
          </a:stretch>
        </p:blipFill>
        <p:spPr>
          <a:xfrm>
            <a:off x="3243839" y="149383"/>
            <a:ext cx="4275798" cy="2654067"/>
          </a:xfrm>
          <a:prstGeom prst="rect">
            <a:avLst/>
          </a:prstGeom>
        </p:spPr>
      </p:pic>
      <p:sp>
        <p:nvSpPr>
          <p:cNvPr id="31" name="TextBox 30">
            <a:extLst>
              <a:ext uri="{FF2B5EF4-FFF2-40B4-BE49-F238E27FC236}">
                <a16:creationId xmlns:a16="http://schemas.microsoft.com/office/drawing/2014/main" id="{ECCD2677-3859-9C88-619D-635E7A8C021A}"/>
              </a:ext>
            </a:extLst>
          </p:cNvPr>
          <p:cNvSpPr txBox="1"/>
          <p:nvPr/>
        </p:nvSpPr>
        <p:spPr>
          <a:xfrm>
            <a:off x="7314005" y="1879697"/>
            <a:ext cx="1214915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spc="10" dirty="0">
                <a:solidFill>
                  <a:srgbClr val="00AA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LASH</a:t>
            </a:r>
            <a:endParaRPr lang="en-CA" sz="2400" spc="10" dirty="0">
              <a:solidFill>
                <a:srgbClr val="00AA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651046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9" grpId="0"/>
      <p:bldP spid="36" grpId="0"/>
      <p:bldP spid="31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16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dules ready to install"/>
  <p:tag name="OTLDATE" val="2026-09-01T23:59:00.0000000"/>
  <p:tag name="OTLBASELINEDATE" val="2026-09-01T23:59:00.0000000"/>
  <p:tag name="OTLPOSITIONONTASK" val="Center"/>
  <p:tag name="OTLRELATEDTASKID" val="078c9e0d-0dab-4fe1-8fbf-00704bb46e44"/>
  <p:tag name="OTLWEEKNUMBERINGFORMAT" val="WNFormat1"/>
  <p:tag name="OTLWEEKNUMBERINGISVISIBLE" val="Fals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ton Station ready to receive modules"/>
  <p:tag name="OTLDATE" val="2026-04-01T23:59:00.0000000"/>
  <p:tag name="OTLBASELINEDATE" val="2026-04-01T23:59:00.0000000"/>
  <p:tag name="OTLPOSITIONONTASK" val="Center"/>
  <p:tag name="OTLRELATEDTASKID" val="9ef57505-ef5d-475f-b425-24f57b45d03d"/>
  <p:tag name="OTLWEEKNUMBERINGFORMAT" val="WNFormat1"/>
  <p:tag name="OTLWEEKNUMBERINGISVISIBLE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lectron Station ready to receive modules"/>
  <p:tag name="OTLDATE" val="2026-07-01T23:59:00.0000000"/>
  <p:tag name="OTLBASELINEDATE" val="2026-07-01T23:59:00.0000000"/>
  <p:tag name="OTLPOSITIONONTASK" val="Center"/>
  <p:tag name="OTLRELATEDTASKID" val="b6226ede-f9a3-4424-9a57-f14ac3b44838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2-16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ton Station ready to receive modules"/>
  <p:tag name="OTLDATE" val="2026-04-01T23:59:00.0000000"/>
  <p:tag name="OTLBASELINEDATE" val="2026-04-01T23:59:00.0000000"/>
  <p:tag name="OTLPOSITIONONTASK" val="Center"/>
  <p:tag name="OTLRELATEDTASKID" val="9ef57505-ef5d-475f-b425-24f57b45d03d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dules ready to install"/>
  <p:tag name="OTLDATE" val="2026-09-01T23:59:00.0000000"/>
  <p:tag name="OTLBASELINEDATE" val="2026-09-01T23:59:00.0000000"/>
  <p:tag name="OTLPOSITIONONTASK" val="Center"/>
  <p:tag name="OTLRELATEDTASKID" val="078c9e0d-0dab-4fe1-8fbf-00704bb46e44"/>
  <p:tag name="OTLWEEKNUMBERINGFORMAT" val="WNFormat1"/>
  <p:tag name="OTLWEEKNUMBERINGISVISIBLE" val="Fals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dules ready to install"/>
  <p:tag name="OTLDATE" val="2026-09-01T23:59:00.0000000"/>
  <p:tag name="OTLBASELINEDATE" val="2026-09-01T23:59:00.0000000"/>
  <p:tag name="OTLPOSITIONONTASK" val="Center"/>
  <p:tag name="OTLRELATEDTASKID" val="078c9e0d-0dab-4fe1-8fbf-00704bb46e44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dules ready to install"/>
  <p:tag name="OTLDATE" val="2026-09-01T23:59:00.0000000"/>
  <p:tag name="OTLBASELINEDATE" val="2026-09-01T23:59:00.0000000"/>
  <p:tag name="OTLPOSITIONONTASK" val="Center"/>
  <p:tag name="OTLRELATEDTASKID" val="078c9e0d-0dab-4fe1-8fbf-00704bb46e44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dules ready to install"/>
  <p:tag name="OTLDATE" val="2026-09-01T23:59:00.0000000"/>
  <p:tag name="OTLBASELINEDATE" val="2026-09-01T23:59:00.0000000"/>
  <p:tag name="OTLPOSITIONONTASK" val="Center"/>
  <p:tag name="OTLRELATEDTASKID" val="078c9e0d-0dab-4fe1-8fbf-00704bb46e44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5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FF5D14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1" id="{B047999D-41CF-4F3B-9A09-9A9036C8914A}" vid="{C92CD50C-D4F4-409F-91C9-DE7E04A4543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emplate_Luca_TRIUMF</Template>
  <TotalTime>2007</TotalTime>
  <Words>2922</Words>
  <Application>Microsoft Macintosh PowerPoint</Application>
  <PresentationFormat>Widescreen</PresentationFormat>
  <Paragraphs>834</Paragraphs>
  <Slides>42</Slides>
  <Notes>4</Notes>
  <HiddenSlides>0</HiddenSlides>
  <MMClips>1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2</vt:i4>
      </vt:variant>
    </vt:vector>
  </HeadingPairs>
  <TitlesOfParts>
    <vt:vector size="48" baseType="lpstr">
      <vt:lpstr>Arial</vt:lpstr>
      <vt:lpstr>Calibri</vt:lpstr>
      <vt:lpstr>Cambria Math</vt:lpstr>
      <vt:lpstr>Times New Roman</vt:lpstr>
      <vt:lpstr>Wingdings</vt:lpstr>
      <vt:lpstr>Office Theme</vt:lpstr>
      <vt:lpstr>PowerPoint Presentation</vt:lpstr>
      <vt:lpstr>PowerPoint Presentation</vt:lpstr>
      <vt:lpstr>TRIUMF’s Role in Canada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ISAC – The Highest Power ISOL Facility in the World</vt:lpstr>
      <vt:lpstr>PowerPoint Presentation</vt:lpstr>
      <vt:lpstr>ISAC Radioisotope Beams Since 1998</vt:lpstr>
      <vt:lpstr>ARIEL Targetry: Green-Field ISOL Technology </vt:lpstr>
      <vt:lpstr>Electron-Driven ISOL Power Management</vt:lpstr>
      <vt:lpstr>PowerPoint Presentation</vt:lpstr>
      <vt:lpstr>PowerPoint Presentation</vt:lpstr>
      <vt:lpstr>PowerPoint Presentation</vt:lpstr>
      <vt:lpstr>PowerPoint Presentation</vt:lpstr>
      <vt:lpstr>Proven Modular Design Paradigm for Target Station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uca Egoriti</dc:creator>
  <cp:lastModifiedBy>Luca Egoriti</cp:lastModifiedBy>
  <cp:revision>1</cp:revision>
  <dcterms:created xsi:type="dcterms:W3CDTF">2024-05-29T00:16:55Z</dcterms:created>
  <dcterms:modified xsi:type="dcterms:W3CDTF">2026-06-23T13:36:10Z</dcterms:modified>
</cp:coreProperties>
</file>